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4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029997\Desktop\"/>
    </mc:Choice>
  </mc:AlternateContent>
  <xr:revisionPtr revIDLastSave="0" documentId="13_ncr:1_{2BD58975-F9D3-4750-A319-4DD3CA05D397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Table 1" sheetId="1" r:id="rId1"/>
  </sheets>
  <definedNames>
    <definedName name="_xlnm.Print_Area" localSheetId="0">'Table 1'!$A$1:$G$14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424" uniqueCount="187">
  <si>
    <t>遵守／
推奨</t>
    <phoneticPr fontId="1"/>
  </si>
  <si>
    <t>１．オンライン診療の提供に関する事項</t>
    <phoneticPr fontId="1"/>
  </si>
  <si>
    <t>□</t>
  </si>
  <si>
    <t>遵守</t>
  </si>
  <si>
    <t>推奨</t>
  </si>
  <si>
    <t>※第三者機関に認証されることが望ましい</t>
  </si>
  <si>
    <t> オンライン受診勧奨については、患者から
　 の連絡に応じて実施する場合には、患者
   側の意思が明白であるため、当該確認は
   必要ではない。</t>
    <phoneticPr fontId="1"/>
  </si>
  <si>
    <r>
      <rPr>
        <b/>
        <sz val="18"/>
        <rFont val="ＭＳ ゴシック"/>
        <family val="3"/>
        <charset val="128"/>
      </rPr>
      <t>指針遵守の確認をするためのチェックリスト</t>
    </r>
    <r>
      <rPr>
        <b/>
        <sz val="14"/>
        <rFont val="ＭＳ ゴシック"/>
        <family val="3"/>
        <charset val="128"/>
      </rPr>
      <t xml:space="preserve">
</t>
    </r>
    <r>
      <rPr>
        <sz val="10"/>
        <rFont val="ＭＳ ゴシック"/>
        <family val="3"/>
        <charset val="128"/>
      </rPr>
      <t>「オンライン診療の適切な実施に関する指針（平成 30 年 3 月）（令和５年３月一部改訂）」に準拠</t>
    </r>
    <phoneticPr fontId="1"/>
  </si>
  <si>
    <r>
      <rPr>
        <sz val="11"/>
        <color rgb="FFFFFFFF"/>
        <rFont val="ＭＳ ゴシック"/>
        <family val="3"/>
        <charset val="128"/>
      </rPr>
      <t>備考</t>
    </r>
  </si>
  <si>
    <r>
      <rPr>
        <sz val="12"/>
        <color rgb="FFFFFFFF"/>
        <rFont val="ＭＳ ゴシック"/>
        <family val="3"/>
        <charset val="128"/>
      </rPr>
      <t>(1) 医師－患者関係／患者合意</t>
    </r>
  </si>
  <si>
    <t>ⅰ  オンライン診療を実施する際は、オンライン診療を実施する旨に
　　ついて、医師と患者との間で合意がある場合に行う。</t>
    <phoneticPr fontId="1"/>
  </si>
  <si>
    <t>ⅱ  ⅰの合意を行うに当たっては、医師は、患者がオンライン診療を
　　希望する旨を明示的に確認する。</t>
    <phoneticPr fontId="1"/>
  </si>
  <si>
    <t>ⅲ  オンライン診療を実施する都度、医師が医学的な観点から実施の
　　可否を判断し、オンライン診療を行うことが適切でないと判断し
　　た場合はオンライン診療を中止し、速やかに適切な対面診療につ
　　なげる。</t>
    <phoneticPr fontId="1"/>
  </si>
  <si>
    <t>  緊急時にやむを得ずオンライン診療を
　　実施する場合であって、ただちに説明
　　等を行うことができないときは、説明
　　可能となった時点において速やかに説
　　明を行う。</t>
    <phoneticPr fontId="1"/>
  </si>
  <si>
    <t>(2) 適用対象</t>
    <phoneticPr fontId="1"/>
  </si>
  <si>
    <t>ⅰ  直接の対面診察と同等でないにしても、これに代替し得る程度の
　　患者の心身の状態に関する有用な情報を、オンライン診療により
　　得る。</t>
    <phoneticPr fontId="1"/>
  </si>
  <si>
    <t>ⅱ  オンライン診療が困難な症状として、一般社団法人日本医学会連
　　合が作成した「オンライン診療の初診に適さない症状」（※）等
　　を踏まえて医師が判断し、オンライン診療が適さない場合には対
　　面診療を実施する(対面診療が可能な医療機関を紹介する場合も
　　含む。)。</t>
    <phoneticPr fontId="1"/>
  </si>
  <si>
    <t xml:space="preserve"> </t>
    <phoneticPr fontId="1"/>
  </si>
  <si>
    <r>
      <t> 緊急性が高い症状の場合は速やかに
　 対面受診を促す。
※日本医学会連合「オンライン診療の初診
　に関する提</t>
    </r>
    <r>
      <rPr>
        <sz val="10"/>
        <rFont val="Microsoft JhengHei"/>
        <family val="2"/>
        <charset val="136"/>
      </rPr>
      <t>⾔</t>
    </r>
    <r>
      <rPr>
        <sz val="10"/>
        <rFont val="ＭＳ ゴシック"/>
        <family val="3"/>
        <charset val="128"/>
      </rPr>
      <t>」（2022 年 11 月 24 日版）
　https://www.jmsf.or.jp/uploads/media/2022/11/20221124163108.pdf</t>
    </r>
    <phoneticPr fontId="1"/>
  </si>
  <si>
    <t>ⅳ 【ⅲ以外の場合として「かかりつけの医師」以外の医師が診療前
　　相談を行った上で初診からのオンライン診療を行う場合】
　　安全性が担保されたオンライン診療を実施できるよう、オンライ
　　ン診療の実施後、対面診療につなげられるようにしておく。</t>
    <phoneticPr fontId="1"/>
  </si>
  <si>
    <r>
      <t> 「かかりつけの医師」以外の医師が診療
　前相談を行った上で初診からのオンライン
　診療を行う場合として、以下が想定される。
　</t>
    </r>
    <r>
      <rPr>
        <sz val="10"/>
        <rFont val="Segoe UI Symbol"/>
        <family val="3"/>
      </rPr>
      <t>✔</t>
    </r>
    <r>
      <rPr>
        <sz val="10"/>
        <rFont val="ＭＳ ゴシック"/>
        <family val="3"/>
        <charset val="128"/>
      </rPr>
      <t>「かかりつけの医師」がオンライン診療
　　を行っていない場合や、休日夜間等で、
　　「かかりつけの医師」がオンライン診療
　　に対応できない場合
　</t>
    </r>
    <r>
      <rPr>
        <sz val="10"/>
        <rFont val="Segoe UI Symbol"/>
        <family val="3"/>
      </rPr>
      <t>✔</t>
    </r>
    <r>
      <rPr>
        <sz val="10"/>
        <rFont val="ＭＳ ゴシック"/>
        <family val="3"/>
        <charset val="128"/>
      </rPr>
      <t>患者に「かかりつけの医師」がいない場合
　</t>
    </r>
    <r>
      <rPr>
        <sz val="10"/>
        <rFont val="Segoe UI Symbol"/>
        <family val="3"/>
      </rPr>
      <t>✔</t>
    </r>
    <r>
      <rPr>
        <sz val="10"/>
        <rFont val="ＭＳ ゴシック"/>
        <family val="3"/>
        <charset val="128"/>
      </rPr>
      <t>「かかりつけの医師」がオンライン診療
　　に対応している専門的な医療等を提供す
　　る医療機関に紹介する場合（必要な連携
　　を行っている場合、D to P with D の場
　　合を含む。）やセカンドオピニオンのた
　　めに受診する場合</t>
    </r>
    <phoneticPr fontId="1"/>
  </si>
  <si>
    <t>ⅴ  診療前相談により対面受診が必要と判断した場合であって、対面
　  診療を行うのが他院である場合は、診療前相談で得た情報につい
　　て必要に応じて適切に情報提供を行う。</t>
    <phoneticPr fontId="1"/>
  </si>
  <si>
    <t> なお、急病急変患者であっても、直接の
　 対面による診療を行った後、患者の容態
　 が安定した段階に至った際は、オンライ
　 ン診療の適用を検討してもよい。</t>
    <phoneticPr fontId="1"/>
  </si>
  <si>
    <t>ⅷ  特定の複数医師が関与することについて「診療計画」で明示して
　　おり、いずれかの医師が直接の対面診療を行っている場合は、全
　　ての医師について直接の対面診療が行われていなくとも、これら
　　の医師が交代でオンライン診療を行うことが可能。
　　ただし、交代でオンライン診療を行う場合は、「診療計画」に医
　　師名を記載する。</t>
    <phoneticPr fontId="1"/>
  </si>
  <si>
    <t> 特定の複数の医師が関与するケースとし
　 て、在宅診療において在宅療養支援診療
　 所が連携して地域で対応する仕組みが構
　 築されている場合や複数の診療科の医師
　 がチームで診療を行う場合などが想定さ
　 れる。</t>
    <phoneticPr fontId="1"/>
  </si>
  <si>
    <t>　患者の同意を得た上で、診療録記載を含む十分な引継ぎを行って
　いれば、オンライン診療を行う予定であった医師の病欠、勤務の
　変更などにより、「診療計画」において予定されていない代診医
　がオンライン診療を行うことが可能。</t>
    <phoneticPr fontId="1"/>
  </si>
  <si>
    <t>　主に健康な人を対象にした診療であり、対面診療においても一般
　的に同一医師が行う必要性が低いと認識されている診療を行う場
　合などにおいても、「診療計画」での明示など同様の要件の下、
　特定の複数医師が交代でオンライン診療を行うことが可能。</t>
    <phoneticPr fontId="1"/>
  </si>
  <si>
    <t> 健康診断など疾患の治療を目的として
　 いない診療（診察、診断等）などが想
　 定される。</t>
    <phoneticPr fontId="1"/>
  </si>
  <si>
    <r>
      <rPr>
        <b/>
        <sz val="12"/>
        <rFont val="ＭＳ ゴシック"/>
        <family val="3"/>
        <charset val="128"/>
      </rPr>
      <t xml:space="preserve">≪禁煙外来を行う医療機関の場合≫
</t>
    </r>
    <r>
      <rPr>
        <sz val="12"/>
        <rFont val="ＭＳ ゴシック"/>
        <family val="3"/>
        <charset val="128"/>
      </rPr>
      <t xml:space="preserve">ⅸ  </t>
    </r>
    <r>
      <rPr>
        <b/>
        <u/>
        <sz val="12"/>
        <rFont val="ＭＳ ゴシック"/>
        <family val="3"/>
        <charset val="128"/>
      </rPr>
      <t>禁煙外来</t>
    </r>
    <r>
      <rPr>
        <sz val="12"/>
        <rFont val="ＭＳ ゴシック"/>
        <family val="3"/>
        <charset val="128"/>
      </rPr>
      <t>については、定期的な健康診断等が行われる等により疾
　　病を見落とすリスクが排除されている場合であって、治療による
　　リスクが極めて低いものとして、患者側の利益と不利益を十分に
　　勘案した上で、直接の対面診療を組み合わせないオンライン診療
　　を行うことが許容され得る。</t>
    </r>
    <phoneticPr fontId="1"/>
  </si>
  <si>
    <r>
      <rPr>
        <b/>
        <sz val="12"/>
        <rFont val="ＭＳ ゴシック"/>
        <family val="3"/>
        <charset val="128"/>
      </rPr>
      <t>≪緊急避妊に係る診療を行う医療機関の場合≫
　　</t>
    </r>
    <r>
      <rPr>
        <b/>
        <u/>
        <sz val="12"/>
        <rFont val="ＭＳ ゴシック"/>
        <family val="3"/>
        <charset val="128"/>
      </rPr>
      <t>緊急避妊に係る診療</t>
    </r>
    <r>
      <rPr>
        <sz val="12"/>
        <rFont val="ＭＳ ゴシック"/>
        <family val="3"/>
        <charset val="128"/>
      </rPr>
      <t>については、地理的要因がある場合、女性の
　　健康に関する相談窓口等に所属する又はこうした相談窓口等と連
　　携している医師が女性の心理的な状態にかんがみて対面診療が困
　　難であると判断した場合においては、産婦人科医又は厚生労働省
　　が指定する研修を受講した医師が、初診からオンライン診療を行
　　うことは許容され得る。
　　ただし、初診からオンライン診療を行う医師は一錠のみの院外処
　　方を行うこととし、受診した女性は薬局において研修を受けた薬
　　剤師による調剤を受け、薬剤師の面前で内服することとする。
　　その際、医師と薬剤師はより確実な避妊法について適切に説明を
　　行うこと。
　　加えて、内服した女性が避妊の成否等を確認できるよう、産婦人
　　科医による直接の対面診療を約三週間後に受診することを確実に
　　担保することにより、初診からオンライン診療を行う医師は確実
　　なフォローアップを行うこと。</t>
    </r>
    <phoneticPr fontId="1"/>
  </si>
  <si>
    <t>Ⅹ　自身の心身の状態に関する情報の伝達に困難がある患者について
　　は、伝達できる情報が限定されるオンライン診療の適用を慎重に
　　判断する。</t>
    <phoneticPr fontId="1"/>
  </si>
  <si>
    <r>
      <rPr>
        <sz val="12"/>
        <color rgb="FFFFFFFF"/>
        <rFont val="ＭＳ ゴシック"/>
        <family val="3"/>
        <charset val="128"/>
      </rPr>
      <t>(3) 診療計画</t>
    </r>
  </si>
  <si>
    <t>※例えば、次回の診察の日時及び方法並び
　に症状の増悪があった場合の対面診療の
　受診先等</t>
    <phoneticPr fontId="1"/>
  </si>
  <si>
    <t>ⅱ  ⅰに関わらず、初診からのオンライン診療を行う場合について
　　は、診察の後にその後の方針（※）を患者に説明する。</t>
    <phoneticPr fontId="1"/>
  </si>
  <si>
    <t> 医療情報の保存については、２(5)を参
　 照すること。</t>
    <phoneticPr fontId="1"/>
  </si>
  <si>
    <t> オンライン診療を行う疾病について急変
　 が想定され、かつ急変時には他の医療機
　 関に入院が必要になる場合等が想定され
　 る。</t>
    <phoneticPr fontId="1"/>
  </si>
  <si>
    <t> 急変時の対応を速やかに行うことが困難
　 となると想定される場合として、例えば
　 離島などが想定される。</t>
    <phoneticPr fontId="1"/>
  </si>
  <si>
    <t>ⅲ  オンライン診療において、映像や音声等を医師側又は患者側端末
　　に保存する場合には、事前に医師－患者間で、映像や音声等の保
　　存の要否や保存端末等の取り決めを明確にし、双方で合意する。</t>
    <phoneticPr fontId="1"/>
  </si>
  <si>
    <t>ⅳ  オンライン診療を実施する医師自らが対応できないことが想定さ
　　れる場合、そのような急変に対応できる医療機関に対して当該患
　　者の診療録等必要な医療情報が事前に伝達されるよう、患者の心
　　身の状態に関する情報提供を定期的に行うなど、適切な体制を整
　　える。</t>
    <phoneticPr fontId="1"/>
  </si>
  <si>
    <t>　急変時の対応を速やかに行うことが困難となると想定される場合
　については、急変時の対応について、事前に関係医療機関との合
　意を行っておく。</t>
    <phoneticPr fontId="1"/>
  </si>
  <si>
    <t>ⅴ  「診療計画」は、文書又は電磁的記録により患者が参照できるよ
　　うにする。</t>
    <phoneticPr fontId="1"/>
  </si>
  <si>
    <t>ⅵ　同一疾患について、複数の医師が同一の患者に対しオンライン診
　　療を行う場合や、他の領域の同一疾患について、複数の医師が同
　　一の患者に対しオンライン診療を行う場合や、他の領域の専門医
　　に引き継いだ場合において、既に作成されている「診療計画」を
　　変更することにより、患者の不利益につながるときは、患者の意
　　思を十分尊重した上で、当該「診療計画」を変更せずにオンライ
　　ン診療を行う。</t>
    <phoneticPr fontId="1"/>
  </si>
  <si>
    <r>
      <rPr>
        <sz val="12"/>
        <color rgb="FFFFFFFF"/>
        <rFont val="ＭＳ ゴシック"/>
        <family val="3"/>
        <charset val="128"/>
      </rPr>
      <t>(4) 本人確認</t>
    </r>
  </si>
  <si>
    <t>ⅱ　初診でオンライン診療を実施する場合、当該患者の本人確認は、
　　以下のいずれかの方法により行う。
　　・顔写真付きの身分証明書（マイナンバーカード、運転免許証、
　　　パスポート等）
　　・顔写真付きの身分証明書を有しない場合は、２種類以上の身
　　　分証明書
　　・１種類の身分証明書しか使用できない場合には、当該身分証
　　　明書の厚みその他の特徴を十分に確認した上で、患者本人の
　　　確認のための適切な質問や全身観察等を組み合わせた確認</t>
    <phoneticPr fontId="1"/>
  </si>
  <si>
    <t>ⅲ  医師の本人証明の方法として、なりすまし防止のために、原則と
　　して、顔写真付きの身分証明書（HPKI  カード、マイナンバーカ
　　ード、運転免許証、パスポート等）を用いて医師本人の氏名を示
　　す。
　※社会通念上、当然に医師本人であると認識できる場合を除く。</t>
    <phoneticPr fontId="1"/>
  </si>
  <si>
    <t> 身分証明書の提示は医師の氏名の確認
　 が目的であり、医籍登録番号、マイナ
　 ンバー、運転免許証番号、パスポート
　 番号、住所、本籍等に係る情報を提示
　 することを要するものではない。</t>
    <phoneticPr fontId="1"/>
  </si>
  <si>
    <t> ただし、初診を直接の対面診療で行っ
　 た際に、社会通念上、当然に医師であ
　 ると認識できる状況であった場合、そ
　 の後に実施するオンライン診療におい
　 ては、患者からの求めがある場合を除
　 き、医師である旨の証明をする必要は
　 ない。</t>
    <phoneticPr fontId="1"/>
  </si>
  <si>
    <r>
      <rPr>
        <sz val="12"/>
        <color rgb="FFFFFFFF"/>
        <rFont val="ＭＳ ゴシック"/>
        <family val="3"/>
        <charset val="128"/>
      </rPr>
      <t>(5) 薬剤処方・管理</t>
    </r>
  </si>
  <si>
    <r>
      <t> 現にオンライン診療を行っている疾患
　 の延長とされる症状に対応するために
　 必要な医薬品については、医師の判断
　 により、オンライン診療による処方が
　 可能。
※日本医学会連合「オンライン診療の初
　 診に関する提</t>
    </r>
    <r>
      <rPr>
        <sz val="10"/>
        <rFont val="Microsoft JhengHei"/>
        <family val="2"/>
        <charset val="136"/>
      </rPr>
      <t>⾔</t>
    </r>
    <r>
      <rPr>
        <sz val="10"/>
        <rFont val="ＭＳ ゴシック"/>
        <family val="3"/>
        <charset val="128"/>
      </rPr>
      <t>」（2022 年 11 月 24 
　 日版）
 https://www.jmsf.or.jp/uploads/media/2022/11/20221124163108.pdf</t>
    </r>
    <phoneticPr fontId="1"/>
  </si>
  <si>
    <t>処方箋を発行する際、患者がオンライン
服薬指導を希望する場合に、使用するシ
ステムによっては患者が希望する薬局を
選べない場合がある（システムに登録さ
れた薬局しか選べない）ことに留意し、
患者が希望する薬局での調剤・服薬指導
が受けられるよう配慮することが求めら
れます。</t>
    <phoneticPr fontId="1"/>
  </si>
  <si>
    <r>
      <rPr>
        <sz val="12"/>
        <color rgb="FFFFFFFF"/>
        <rFont val="ＭＳ ゴシック"/>
        <family val="3"/>
        <charset val="128"/>
      </rPr>
      <t>(6) 診察方法</t>
    </r>
  </si>
  <si>
    <t> 直接の対面診療に代替し得る程度の
　 患者の心身の状況に関する有用な情
　 報が得られる場合には補助的な手段
　 として、画像や文字等による情報の
　 やりとりを活用することは妨げない。</t>
    <phoneticPr fontId="1"/>
  </si>
  <si>
    <t>　オンライン診療の間などに、文字等により患者の病状の変化に直
　接関わらないことについてコミュニケーションを行うに当たって
　は、リアルタイムの視覚及び聴覚の情報を伴わないチャット機能
（文字、写真、録画動画等による情報のやりとりを行うもの）が活
　用され得る。この際、オンライン診療と区別するため、あらかじ
　めチャット機能を活用して伝達し合う事項・範囲を決めておく。</t>
    <phoneticPr fontId="1"/>
  </si>
  <si>
    <t>ⅲ　オンライン診療において、医師は、情報通信機器を介して、同時
　　に複数の患者の診療を行ってはならない。</t>
    <phoneticPr fontId="1"/>
  </si>
  <si>
    <t>ⅳ　医師の他に医療従事者等が同席する場合は、その都度患者に説明
　　を行い、患者の同意を得る。</t>
    <phoneticPr fontId="1"/>
  </si>
  <si>
    <t>ⅴ　医師と患者が１対１で診療を行っていることを確認するために、
　　オンライン診療の開始時間及び終了時間をアクセスログとして
　　記録するシステムとする。</t>
    <phoneticPr fontId="1"/>
  </si>
  <si>
    <t>ⅵ  オンライン診療を実施する前に、直接の対面で、実際に使用する
　　情報通信機器を用いた試験を実施し、情報通信機器を通して得ら
　　れる画像の色彩や動作等について確認する。</t>
    <phoneticPr fontId="1"/>
  </si>
  <si>
    <t>２．オンライン診療の提供体制に関する事項</t>
    <phoneticPr fontId="1"/>
  </si>
  <si>
    <r>
      <rPr>
        <sz val="12"/>
        <color rgb="FFFFFFFF"/>
        <rFont val="ＭＳ ゴシック"/>
        <family val="3"/>
        <charset val="128"/>
      </rPr>
      <t>(1) 医師の所在</t>
    </r>
  </si>
  <si>
    <r>
      <rPr>
        <sz val="12"/>
        <color rgb="FFFFFFFF"/>
        <rFont val="ＭＳ ゴシック"/>
        <family val="3"/>
        <charset val="128"/>
      </rPr>
      <t>(2) 患者の所在</t>
    </r>
  </si>
  <si>
    <t>ⅰ  オンライン診療を行う医師は、医療機関に所属し、その所属及び
　　当該医療機関の問い合わせ先を明らかにする。</t>
    <phoneticPr fontId="1"/>
  </si>
  <si>
    <t>ⅲ  医師は、騒音により音声が聞き取れない、ネットワークが不安定
　　であり動画が途切れる等、オンライン診療を行うに当たり適切な
　　判断を害する場所でオンライン診療を行ってはならない。</t>
    <phoneticPr fontId="1"/>
  </si>
  <si>
    <t>ⅳ　オンライン診療を行う際は、診療録等、過去の患者の状態を把握
　　しながら診療すること等により、医療機関に居る場合と同等程度
　　に患者の心身の状態に関する情報を得られる体制を整える。</t>
    <phoneticPr fontId="1"/>
  </si>
  <si>
    <t>ⅵ　オンライン診療を実施する医療機関は、ホームページや院内掲示
　　等において、本指針を遵守した上でオンライン診療を実施してい
　　る旨を公表する。</t>
    <phoneticPr fontId="1"/>
  </si>
  <si>
    <t>ⅶ　オンライン診療を行う医師は、２(1)ⅱの医療機関に容易にアク
　　セスできるよう努める。</t>
    <phoneticPr fontId="1"/>
  </si>
  <si>
    <r>
      <rPr>
        <sz val="12"/>
        <color rgb="FFFFFFFF"/>
        <rFont val="ＭＳ ゴシック"/>
        <family val="3"/>
        <charset val="128"/>
      </rPr>
      <t>(3) 患者が看護師等といる場合のオンライン診療（D to P with N）</t>
    </r>
  </si>
  <si>
    <t>ⅰ　患者がオンライン診療を受ける場所は、対面診療が行われる場合
　　と同程度に、清潔かつ安全でなければならない。
ⅱ  プライバシーが保たれるよう、患者が物理的に外部から隔離され
　　る空間においてオンライン診療が行わなければならない。</t>
    <phoneticPr fontId="1"/>
  </si>
  <si>
    <t> 患者に対して、オンライン診療を受け
　 る場所について適切に説明し協力を得
　 ることが重要である。</t>
    <phoneticPr fontId="1"/>
  </si>
  <si>
    <r>
      <rPr>
        <b/>
        <sz val="12"/>
        <rFont val="ＭＳ ゴシック"/>
        <family val="3"/>
        <charset val="128"/>
      </rPr>
      <t xml:space="preserve">≪（同じ場所にいる）特定多数人に対してオンライン診療を提供する場合≫
</t>
    </r>
    <r>
      <rPr>
        <sz val="12"/>
        <rFont val="ＭＳ ゴシック"/>
        <family val="3"/>
        <charset val="128"/>
      </rPr>
      <t>ⅲ  医療法上、特定多数人に対して医業又は歯科医業を提供する場所
　　は病院又は診療所であり、これはオンライン診療であっても同様
　　であるため、特定多数人に対してオンライン診療を提供する場合
　　には、診療所の届出を行う。</t>
    </r>
    <phoneticPr fontId="1"/>
  </si>
  <si>
    <t> ただし、巡回診療の実施については、
　 昭和 37 年６月 20 日付け医発 554
　 厚生省医務局長通知による、巡回診
　 療の実施に準じて新たに診療所開設
　 の手続きを要しない場合がある。
 また健康診断等の実施については平
　 成７年 11 月 29 日付け健政発 927
　 号厚生省健康政策局長通知による、
　 巡回健診等の実施に準じて新たに診
　 療所開設の手続きを要しない。</t>
    <phoneticPr fontId="1"/>
  </si>
  <si>
    <t> なお、オンライン診療を行った際に、
　 予測されていない新たな症状等が生
　 じた場合において、医師が看護師等
　 に対し、診断の補助となり得る追加
　 的な検査を指示することは可能。</t>
    <phoneticPr fontId="1"/>
  </si>
  <si>
    <t>ⅰ  医師の指示による診療の補助行為の内容として、「診療計画」及
　　び訪問看護指示書に基づき、予測された範囲内において診療の補
　　助行為を行う。</t>
    <phoneticPr fontId="1"/>
  </si>
  <si>
    <r>
      <rPr>
        <sz val="12"/>
        <color rgb="FFFFFFFF"/>
        <rFont val="ＭＳ ゴシック"/>
        <family val="3"/>
        <charset val="128"/>
      </rPr>
      <t>(4) 患者が医師といる場合のオンライン診療（D to P with D）</t>
    </r>
  </si>
  <si>
    <t>ⅱ　D to P with N を行う医師は、原則、訪問診療等を定期的に行っ
　　ている医師であり、看護師等は同一医療機関の看護師等あるいは
　　訪問看護の指示を受けた看護師等とする。</t>
    <phoneticPr fontId="1"/>
  </si>
  <si>
    <t>ⅰ　情報通信機器を用いて診療を行う遠隔地にいる医師は、事前に直
　　接の対面診療を行わずにオンライン診療を行うことができ、主治
　　医等の医師は、遠隔地にいる医師の専門的な知見・技術を活かし
　　た診療が可能。
　　ただし、患者の側にいる医師は、既に直接の対面診療を行ってい
　　る主治医等である必要があり、情報通信機器を用いて診療を行う
　　遠隔地にいる医師は、あらかじめ、主治医等の医師より十分な情
　　報提供を受けること。</t>
    <phoneticPr fontId="1"/>
  </si>
  <si>
    <t>ⅱ  診療の責任の主体は、原則として従来から診療している主治医等
　　の医師にあるが、情報通信機器の特性を勘案し、問題が生じた場
　　合の責任分担等についてあらかじめ協議しておく。</t>
    <phoneticPr fontId="1"/>
  </si>
  <si>
    <t>ⅰ　高度な技術を要するなど遠隔地にいる医師でないと実施が困
　　難な手術等を必要とし、かつ、患者の体力面などから当該医
　　師の下への搬送・移動等が難しい患者を対象に行う。</t>
    <phoneticPr fontId="1"/>
  </si>
  <si>
    <t> 具体的な対象疾患や患者の状態など
　 の詳細な適用対象は、各学会などが
　 作成するガイドラインに基づく。</t>
    <phoneticPr fontId="1"/>
  </si>
  <si>
    <t> 具体的な提供体制等については、各
　 学会などが作成するガイドラインに
 　基づく。</t>
    <phoneticPr fontId="1"/>
  </si>
  <si>
    <t>ⅱ  情報通信機器について、手術等を実施するに当たり重大な遅
　　延等が生じない通信環境を整え、事前に通信環境の確認を行
　　う。</t>
    <phoneticPr fontId="1"/>
  </si>
  <si>
    <t>　仮に一時的に情報通信機器等に不具合があった場合等におい
　ても、患者の側にいる主治医等の医師により手術の安全な継
　続が可能な体制を組む。</t>
    <phoneticPr fontId="1"/>
  </si>
  <si>
    <t>ⅰ  希少性の高い疾患等、専門性の観点から近隣の医療機関では
　　診断が困難な疾患であることや遠方からでは受診するまでに
　　長時間を要すること等により、患者の早期診断のニーズを満
　　たすことが難しい患者を対象に行う。</t>
    <phoneticPr fontId="1"/>
  </si>
  <si>
    <t>ⅱ  患者は主治医等の患者の状態を十分に把握している医師とと
　　もに、遠隔地にいる医師の診療を受ける。</t>
    <phoneticPr fontId="1"/>
  </si>
  <si>
    <t>　患者の側にいる主治医等の医師と遠隔地にいる医師は事前に
　診療情報提供書等を通じて連携をとる。</t>
    <phoneticPr fontId="1"/>
  </si>
  <si>
    <r>
      <rPr>
        <sz val="12"/>
        <color rgb="FFFFFFFF"/>
        <rFont val="ＭＳ ゴシック"/>
        <family val="3"/>
        <charset val="128"/>
      </rPr>
      <t>(5) 通信環境 （情報セキュリティ・プライバシー・利用端末）</t>
    </r>
  </si>
  <si>
    <r>
      <rPr>
        <sz val="12"/>
        <color rgb="FFFFFFFF"/>
        <rFont val="ＭＳ ゴシック"/>
        <family val="3"/>
        <charset val="128"/>
      </rPr>
      <t>1) 医療機関が行うべき対策</t>
    </r>
  </si>
  <si>
    <t> 医療機関は、システムは適宜アップデ
　 ートされ、リスクも変わり得ることな
　 ど、理解を深める。</t>
    <phoneticPr fontId="1"/>
  </si>
  <si>
    <r>
      <rPr>
        <sz val="12"/>
        <color rgb="FFFFFFFF"/>
        <rFont val="ＭＳ ゴシック"/>
        <family val="3"/>
        <charset val="128"/>
      </rPr>
      <t>1-1) 基本事項</t>
    </r>
  </si>
  <si>
    <t>※システムに関する個別の説明を受ける
　ことのみならず、事業者が提示してい
　る情報提供内容を自ら確認することを
　含む。</t>
    <phoneticPr fontId="1"/>
  </si>
  <si>
    <t>　当該確認に際して、医療機関は責任分界点について確認
　し、システムの導入に当たっては、そのリスクを十分に
　理解する。</t>
    <phoneticPr fontId="1"/>
  </si>
  <si>
    <t>ⅱ　オンライン診療の際、医療情報システムに影響を及ぼす
　　可能性がある（※）オンライン診療システムを使用する
　　際は、「医療情報安全管理関連ガイドライン」に沿った
　　対策を併せて実施する。</t>
    <phoneticPr fontId="1"/>
  </si>
  <si>
    <t>※例えば、電子カルテを利用する端末で、
　オンライン診療に用いるシステムを直
　接起動し、オンライン診療を行うと、
　セキュリティ上の問題が生じた場合、
　当該診療に係る患者だけではなく、電
　子カルテデータベースやそれと連結し
　た医事システムやレセプト作成用コン
　ピュータ内のすべての患者 の情報に
　影響が及ぶ可能性がある。</t>
    <phoneticPr fontId="1"/>
  </si>
  <si>
    <t>　汎用サービスを使用する際は、汎用サービスが医療情報
　システムに影響を与えない設定とする。</t>
    <phoneticPr fontId="1"/>
  </si>
  <si>
    <t>ⅲ　医療機関は、患者に対してオンライン診療の実施に伴う
　　セキュリティリスクを説明し、オンライン診療に用いる
　　システムを利用することについての合意を得た上で、双
　　方が合意した旨を診療録に記載し、オンライン診療を実
　　施する。</t>
    <phoneticPr fontId="1"/>
  </si>
  <si>
    <t>※ウェブサイト等の患者が適切にアクセ
　スできる方法による開示や、電磁的記
　録による説明文書と同等の内容のもの
　の提供を含む。</t>
    <phoneticPr fontId="1"/>
  </si>
  <si>
    <t>ⅳ 「診療計画」を作成する際、患者に対して使用するオン
　　ライン診療システムに伴うセキュリティリスク等とその
　　対策及び責任の所在について患者からの問い合わせに対
　　応できるよう、説明文書の準備（※）又は対応者の準備
　　を行う。</t>
    <phoneticPr fontId="1"/>
  </si>
  <si>
    <t>ⅵ  医療機関は、必要に応じてセキュリティソフトをインス
　　トールする。</t>
    <phoneticPr fontId="1"/>
  </si>
  <si>
    <t>ⅶ  オンライン診療に用いるシステムを使用する際には、多
　　要素認証を用いる。</t>
    <phoneticPr fontId="1"/>
  </si>
  <si>
    <t>ⅷ  オンライン診療を実施する際は、患者がいつでも医師の
　　本人確認及び医師の所属医療機関の確認ができるように
　　必要な情報を準備する。</t>
    <phoneticPr fontId="1"/>
  </si>
  <si>
    <t>ⅸ　オンライン診療システムを用いる場合は、患者がいつで
　　も医師の本人確認ができる情報及び医療機関の問い合わ
　　せ先をオンライン診療システム上に掲載する。</t>
    <phoneticPr fontId="1"/>
  </si>
  <si>
    <t> ただし、患者がいる空間に家族等や
　 オンライン診療支援者がいることを
　 医師及び患者が同意している場合を
　 除く。</t>
    <phoneticPr fontId="1"/>
  </si>
  <si>
    <t>Ⅹ  オンライン診療システムが後述の２）に記載されている
　　要件を満たしていることを確認する。</t>
    <phoneticPr fontId="1"/>
  </si>
  <si>
    <t>ⅺ  医師がいる空間において診療に関わっていない者が診察
　　情報を知覚できないようにする。また、患者がいる空間
　　に第三者がいないことを確認する。</t>
    <phoneticPr fontId="1"/>
  </si>
  <si>
    <t>ⅻ  医師は、オンライン診療実施時に、意図しない第三者が
　　当該通信に紛れ込むような三者通信（患者が医師の説明
　　を一緒に聞いてもらうために、医師の同意なく第三者を
　　呼び込む場合等）や患者のなりすましが起こっていない
　　ことに留意する。</t>
    <phoneticPr fontId="1"/>
  </si>
  <si>
    <t>13　プライバシーが保たれるように、患者側、医師側ともに
　　録音、録画、撮影を同意なしに行うことがないよう確認
　　する。</t>
    <phoneticPr fontId="1"/>
  </si>
  <si>
    <t>14　オンライン診療においてチャット機能を補助的に用いる
　　場合には、医療機関が、セキュリティリスクとベネフィ
　　ットを勘案したうえで、使用するソフトウェアやチャッ
　　ト機能の使用方法について患者側に指示する。</t>
    <phoneticPr fontId="1"/>
  </si>
  <si>
    <t>15　患者から提示された二次元バーコードや URL 等のリン
　　ク先へのアクセス及びファイルのダウンロード等はセ
　　キュリティリスクが高いため行わない。
　※セキュリティリスクが限定的であることを医療機関が合
　　理的に判断できる場合を除く。</t>
    <phoneticPr fontId="1"/>
  </si>
  <si>
    <t> 医療機関や患者から、検査結果画像
　 や患者の医療情報等を画面共有機能
　 を用いて提示すること及び画面共有
　 機能を用いずに画面を介して提示す
　 ることは、多くの場合、相対的にセ
　 キュリティリスクが低減されている
　 ものと考えられる。</t>
    <phoneticPr fontId="1"/>
  </si>
  <si>
    <t>16　オンライン診療を実施する医師は、オンライン診療の
　　研修等を通じて、セキュリティリスクに関する情報を
　　適宜アップデートする。</t>
    <phoneticPr fontId="1"/>
  </si>
  <si>
    <t>17  医療機関が、オンライン診療を実施する際に、医療情
　　報を取得する目的で外部の PHR 等の情報を取り扱うこ
　　とが、医療情報システムに影響を与えうる場合は、「医
　　療情報安全管理関連ガイドライン」に沿った対策を実施
　　する。</t>
    <phoneticPr fontId="1"/>
  </si>
  <si>
    <t>　他方で、医療機関が、医療情報システムに影響を与えず
　に当該情報を取り扱う場合には、セキュリティリスクに
　ついて医療機関と患者の間で合意を得た上で、オンライ
　ン診療を実施する。</t>
    <phoneticPr fontId="1"/>
  </si>
  <si>
    <t>ⅰ　意図しない三者通信を防ぐため、医療機関から患者側に
　　つなげることを徹底し、また通信の管理者権限を患者に
　　委譲しない。</t>
    <phoneticPr fontId="1"/>
  </si>
  <si>
    <t>ⅱ  医療機関又は医療機関から委託を受けた者は、汎用サー
　　ビスのセキュリティポリシーを適宜確認し、患者の問い
　　合わせに対応できるようにする。</t>
    <phoneticPr fontId="1"/>
  </si>
  <si>
    <t> 委託を受けた者が存在する場合は、
　 委託契約に基づき協力する責務が委
　 託を受けた者に課される。</t>
    <phoneticPr fontId="1"/>
  </si>
  <si>
    <t>ⅲ  個別の汎用サービスに内在するセキュリティリスクを
　　理解し、必要な対策を講じる責任は医療機関にあるこ
　　とを理解する。</t>
    <phoneticPr fontId="1"/>
  </si>
  <si>
    <t>ⅳ  端末立ち上げ時、パスワード認証や生体認証などを用
　　いて操作者の認証を行う。</t>
    <phoneticPr fontId="1"/>
  </si>
  <si>
    <t>２） オンライン診療システム事業者が行うべき対策
※医療機関の医療情報管理責任者は、下記を踏まえて、所属する
　医師が行うべきセキュリティリスク対策を講じること。</t>
    <phoneticPr fontId="1"/>
  </si>
  <si>
    <t>※患者および医療機関がシステムを利用
　する際の権利、義務、情報漏洩・不正
　アクセス等のセキュリティリスク、医
　療機関・患者双方のセキュリティ対策
　の内容、患者への影響等</t>
    <phoneticPr fontId="1"/>
  </si>
  <si>
    <t>ⅰ　オンライン診療システムを提供する事業者は、下記を備えた
　　オンライン診療システムを構築し、下記２－１）の項目を満
　　たすセキュリティ面で安全な状態を保つ。</t>
    <phoneticPr fontId="1"/>
  </si>
  <si>
    <r>
      <rPr>
        <sz val="12"/>
        <color rgb="FFFFFFFF"/>
        <rFont val="ＭＳ ゴシック"/>
        <family val="3"/>
        <charset val="128"/>
      </rPr>
      <t>2-1) 基本事項</t>
    </r>
  </si>
  <si>
    <t>ⅰ  医療機関に対して、医療機関が負う情報漏洩・不正アク
　　セス等のセキュリティリスク及びシステム障害時の診療
　　への影響を明確に説明する。</t>
    <phoneticPr fontId="1"/>
  </si>
  <si>
    <t>ⅱ  事業者は医療機関に対して、オンライン診療のセキュリ
　　ティに係る責任分界点について明確に説明し、合意した
　　範囲において責任を負う。</t>
    <phoneticPr fontId="1"/>
  </si>
  <si>
    <t>ⅲ  オンライン診療システムの中にビデオ会議システム等の
　　汎用サービスを組み込んだシステムにおいても、事業者
　　はシステム全般のセキュリティリスクについて、医療機
　　関に明確に説明し、合意した責任分界点の範囲において
　　責任を負う。</t>
    <phoneticPr fontId="1"/>
  </si>
  <si>
    <t>ⅳ  事業者は、合意に基づき、脆弱性などのセキュリティリ
　　スク発生時には速やかに医療機関に状況や対応方法等の
　　情報提供を行うなどの善管注意義務を適切に履行する。</t>
    <phoneticPr fontId="1"/>
  </si>
  <si>
    <t>ⅴ  オンライン診療システム等が医療情報システムに影響を
　　及ぼし得るかを明らかにする。</t>
    <phoneticPr fontId="1"/>
  </si>
  <si>
    <t>ⅵ  医療情報システム以外のシステム（端末・サーバー等）
　　における診療にかかる患者個人に関するデータの蓄積・
　　残存の禁止。</t>
    <phoneticPr fontId="1"/>
  </si>
  <si>
    <t>　２－２）に該当する場合を除く。
※第三者機関に認証されることが望ましい</t>
    <phoneticPr fontId="1"/>
  </si>
  <si>
    <t>※ID/パスワードや生体認証、IC カード等
　により多要素認証を実施することが望ま
　しい。またシステム運用監督者は退職者
　アカウントの削除など管理外になりやす
　い要素を重点的に監視すること。
※第三者機関に認証されることが望ましい</t>
    <phoneticPr fontId="1"/>
  </si>
  <si>
    <t>ⅷ 　不正アクセス防止措置を講じること（IDS/IPS  を設置
　　する等）。</t>
    <phoneticPr fontId="1"/>
  </si>
  <si>
    <t>ⅸ　不正アクセスやなりすましを防止するとともに、患者が
　　医師の本人確認を行えるように、「1-1）基本事項」に
　　おける医師の本人証明と医師の所属医療機関の確認が常
　　に可能な機能を備える。</t>
    <phoneticPr fontId="1"/>
  </si>
  <si>
    <t>Ⅹ　アクセスログの保全措置。</t>
    <phoneticPr fontId="1"/>
  </si>
  <si>
    <t> ログ監査・監視を実施することが望ま
　 しい。
※第三者機関に認証されることが望ましい</t>
    <phoneticPr fontId="1"/>
  </si>
  <si>
    <t>ⅺ  端末へのウィルス対策ソフトの導入、OS・ソフトウェア
　　のアップデートを定期的に促す機能。</t>
    <phoneticPr fontId="1"/>
  </si>
  <si>
    <t>ⅻ  信頼性の高い機関によって発行されたサーバー証明書を
　　用いて、通信の暗号化（TLS1.2 以上）を実施する。</t>
    <phoneticPr fontId="1"/>
  </si>
  <si>
    <t>13  オンライン診療時に、複数の患者が同一の施設からネッ
　　トワークに継続的に接続する場合には、IP VPN や 
　　Ipsec＋IKE による接続を行う。</t>
    <phoneticPr fontId="1"/>
  </si>
  <si>
    <t>14  遠隔モニタリング等で蓄積された医療情報については、
　　「医療情報安全管理関連ガイドライン」に基づいて、
　　安全に取り扱えるシステムを確立する。</t>
    <phoneticPr fontId="1"/>
  </si>
  <si>
    <t>15  使用するドメインの不適切な移管や再利用が行われない
　　ように留意する。</t>
    <phoneticPr fontId="1"/>
  </si>
  <si>
    <t>2-2）医療情報システムに影響を及ぼす可能性があるシス
　テムの場合（オンライン診療システムが、医療情報シス
　テムを扱う端末で使用され、オンライン診療を行うこと
　で、医療情報システムに影響を及ぼす可能性がある場合、
　2-1）に加えて「医療情報安全管理関連ガイドライン」に
　沿った対策を行うこと。</t>
    <phoneticPr fontId="1"/>
  </si>
  <si>
    <t>ⅰ　法的保存義務のある医療情報を保存するサーバーを国
　　内法の執行が及ぶ場所に設置する。</t>
    <phoneticPr fontId="1"/>
  </si>
  <si>
    <t>ⅲ  医療情報を保存するシステムへの不正侵入防止対策等を
　　講ずる。</t>
    <phoneticPr fontId="1"/>
  </si>
  <si>
    <t>ⅳ　オンライン診療システムは、上記の 2-1）及び 2-2 を
　　満たしているシステムであるかどうか、第三者機関に
　　認証されるのが望ましい。</t>
    <phoneticPr fontId="1"/>
  </si>
  <si>
    <t> 第三者機関の認証としては以下のい
　 ずれかが望ましい。
 　一般社団法人保健医療福祉情報安全
　 管理適合性評価協会(HISPRO）、プ
 　ライバシーマーク（JIS Q  15001）、
　 ISMS（JIS Q 27001 等）、ITSMS
　（JIS Q 20000-1 等）の認証、情報
　 セキュリティ監査報告書の取得、ク
　 ラウドセキュリティ推進協議会の CS
　 マークや ISMS クラウドセキュリティ
　 認証（ISO27017 の取得</t>
    <phoneticPr fontId="1"/>
  </si>
  <si>
    <r>
      <rPr>
        <sz val="12"/>
        <color rgb="FFFFFFFF"/>
        <rFont val="ＭＳ ゴシック"/>
        <family val="3"/>
        <charset val="128"/>
      </rPr>
      <t>３．その他オンライン診療に関連する事項</t>
    </r>
  </si>
  <si>
    <r>
      <rPr>
        <sz val="12"/>
        <color rgb="FFFFFFFF"/>
        <rFont val="ＭＳ ゴシック"/>
        <family val="3"/>
        <charset val="128"/>
      </rPr>
      <t>(1) 医師教育/患者教育</t>
    </r>
  </si>
  <si>
    <t>ⅰ  医師は、オンライン診療に責任を有する者として、厚生労働省が
　　定める研修を受講することにより、オンライン診療を実施するた
　　めに必須となる知識を習得する。</t>
    <phoneticPr fontId="1"/>
  </si>
  <si>
    <t>ⅱ  医師－患者間の信頼関係を構築した上で、さらにオンライン診療
　　の質を向上させるためには、より適切な情報の伝え方について医
　　師－患者間で継続的に協議する。</t>
    <phoneticPr fontId="1"/>
  </si>
  <si>
    <r>
      <rPr>
        <sz val="12"/>
        <color rgb="FFFFFFFF"/>
        <rFont val="ＭＳ ゴシック"/>
        <family val="3"/>
        <charset val="128"/>
      </rPr>
      <t>(2) 質評価/フィードバック</t>
    </r>
  </si>
  <si>
    <t>ⅰ  オンライン診療では、質評価やフィードバックの体制の整備が
　　必要である。質評価においては、医学的・医療経済的・社会的
　　観点など、多角的な観点から評価を行う。</t>
    <phoneticPr fontId="1"/>
  </si>
  <si>
    <r>
      <rPr>
        <sz val="12"/>
        <color rgb="FFFFFFFF"/>
        <rFont val="ＭＳ ゴシック"/>
        <family val="3"/>
        <charset val="128"/>
      </rPr>
      <t>(3) エビデンスの蓄積</t>
    </r>
  </si>
  <si>
    <t>ⅰ  医師は、電子カルテ等における記録において、日時や診療内容
　　などについて可能な限り具体的な記載をするよう心掛けるとと
　　もに、オンライン診療である旨が容易に判別できるよう努める。</t>
    <phoneticPr fontId="1"/>
  </si>
  <si>
    <t> オンライン診療の安全性や有効性等に
　 関する情報は、個々の医療機関で保有
　 されるだけでなく、今後のオンライン
   診療の進展に向け社会全体で共有・分
　 析されていくことが望ましい。</t>
    <phoneticPr fontId="1"/>
  </si>
  <si>
    <t>ⅳ　医師は、患者のⅰの合意を得るに先立ち、患者に対して以下の事
　　項について説明を行う。
　　・触診等を行うことができない等の理由により、オンライン診療
　　　で得られる情報は限られていることから、対面診療を組み合わ
　　　せる必要があること
　　・オンライン診療を実施する都度、医師がオンライン診療の実施
　　　の可否を判断すること
　　・(3)に示す「診療計画」に含まれる事項</t>
    <phoneticPr fontId="1"/>
  </si>
  <si>
    <t>ⅲ 初診からのオンライン診療は、原則として「かかりつけの医師」が
　 行う。</t>
    <phoneticPr fontId="1"/>
  </si>
  <si>
    <t>ⅶ  急病急変患者については、原則として直接の対面による診療を行
　　う。</t>
    <rPh sb="31" eb="32">
      <t>オコナ</t>
    </rPh>
    <phoneticPr fontId="1"/>
  </si>
  <si>
    <t>ⅰ  医師は、オンライン診療を行う前に、患者の心身の状態につい
　　て、直接の対面診療により十分な医学的評価（診断等）を行い、
　　その評価に基づいて、次の事項を含む「診療計画」を定め、２年
　　間は保存する。
　　・オンライン診療で行う具体的な診療内容（疾病名、治療内容
　　　等）
　　・オンライン診療と直接の対面診療、検査の組み合わせに関する
　　　事項（頻度やタイミング等）
　　・診療時間に関する事項（予約制等）
　　・オンライン診療の方法（使用する情報通信機器等）
　　・オンライン診療を行わないと判断する条件と、条件に該当した
　　　場合に直接の対面診療に切り替える旨（情報通信環境の障害等
　　　によりオンライン診療を行うことができなくなる場合を含
　　　む。）
　　・触診等ができないこと等により得られる情報が限られることを
　　　踏まえ、患者が診察に対し積極的に協力する必要がある旨
　　・急病急変時の対応方針（自らが対応できない疾患等の場合は、
　　　対応できる医療機関の明示）
　　・複数の医師がオンライン診療を実施する予定がある場合は、そ
　　　の医師の氏名及びどのような場合にどの医師がオンライン診療
　　　を行うかの明示
　　・情報漏洩等のリスクを踏まえて、セキュリティリスクに関する
　　　責任の範囲（責任分界点）及びそのとぎれがないこと等の明示</t>
    <phoneticPr fontId="1"/>
  </si>
  <si>
    <t>ⅰ  患者の心身の状態の十分な評価を行うため、初診からのオンライ
　　ン診療の場合及び新たな疾患に対して医薬品の処方を行う場合
　　は、一般社団法人日本医学会連合が作成した「オンライン診療の
　　初診での投与について十分な検討が必要な薬剤」（※）等の関係
　　学会が定める診療ガイドラインを参考に行う。</t>
    <phoneticPr fontId="1"/>
  </si>
  <si>
    <t>　ただし、初診の場合には以下の処方は行わない。
　・麻薬及び向精神薬の処方
　・基礎疾患等の情報が把握できていない患者に対する、特に安全
　　管理が必要な医薬品（診療報酬における薬剤管理指導料の
　　「１」の対象となる薬剤）の処方
　・基礎疾患等の情報が把握できていない患者に対する８日分以上
　　の処方また、重篤な副作用が発現するおそれのある医薬品の処
　　方は特に慎重に行うとともに、処方後の患者の服薬状況の把握
　　に努めるなど、そのリスク管理に最大限努めなければならな
　　い。</t>
    <phoneticPr fontId="1"/>
  </si>
  <si>
    <t>ⅱ　医師は、患者に対し、現在服薬している医薬品を確認する。患者
　　は医師に対し正確な申告を行う。</t>
    <phoneticPr fontId="1"/>
  </si>
  <si>
    <t>ⅲ  医師は、患者に対し、かかりつけ薬剤師・薬局の下、医薬品の一
　　元管理を行うことを求める。</t>
    <phoneticPr fontId="1"/>
  </si>
  <si>
    <t>ⅰ　医師がオンライン診療を行っている間、患者の状態について十分
　　に必要な情報が得られていると判断できない場合には、速やかに
　　オンライン診療を中止し、直接の対面診療を行う。</t>
    <phoneticPr fontId="1"/>
  </si>
  <si>
    <t>ⅱ  オンライン診療では、可能な限り多くの診療情報を得るために、
　　リアルタイムの視覚及び聴覚の情報を含む情報通信手段を採用す
　　る。</t>
    <phoneticPr fontId="1"/>
  </si>
  <si>
    <t>　オンライン診療は、文字、写真及び録画動画のみのやりとりで完
　結してはならない。</t>
    <phoneticPr fontId="1"/>
  </si>
  <si>
    <t>ⅱ  患者の急病急変時に適切に対応するため、患者が速やかにアクセ
　　スできる医療機関において直接の対面診療を行える体制を整え
　　る。</t>
    <phoneticPr fontId="1"/>
  </si>
  <si>
    <t> 緊急やむを得ない場合には、この限り
　 でない。</t>
    <phoneticPr fontId="1"/>
  </si>
  <si>
    <t>ⅴ  第三者に患者の心身の状態に関する情報の伝わることのないよ
　　う、医師は物理的に外部から隔離される空間においてオンライン
　　診療を行う。</t>
    <phoneticPr fontId="1"/>
  </si>
  <si>
    <t>ⅰ　医療機関は、オンライン診療に用いるシステムによって講じ
　　るべき対策が異なることを理解し、オンライン診療を計画す
　　る際には、患者に対してセキュリティリスクを説明し、同意
　　を得る。</t>
    <phoneticPr fontId="1"/>
  </si>
  <si>
    <t>ⅰ  医療機関は、オンライン診療に用いるシステムを提供す
　　る事業者（以下「事業者」という。）による説明を受け
　　（※）、十分な情報セキュリティ対策が講じられている
　　ことを確認する。</t>
    <phoneticPr fontId="1"/>
  </si>
  <si>
    <t>ⅴ　オンライン診療システムを用いる場合は、医療機関は OS
　　やソフトウェアのアップデートについて、事業者と協
　　議・確認した上で実施する。
　　アップデートができない等の個別対応が必要な場合に
　　は、事業者からの説明、情報提供等を受け、必要な対応
　　を実施する。</t>
    <phoneticPr fontId="1"/>
  </si>
  <si>
    <t>ⅱ  オンライン診療システムを医療機関が導入する際、事業者
　　は、医療機関に対して、医療機関が十分に理解できるまで、
　　オンライン診療システムのセキュリティ等（※）に関する説
　　明を行う（分かりやすい説明資料等を作成し医療機関に提示
　　することが望ましい。）。</t>
    <phoneticPr fontId="1"/>
  </si>
  <si>
    <t>ⅱ　医療機関に対してそれぞれの追加的リスクに関して十分
　　な説明を行い、事故発生時の責任分界点を明らかにす
　　る。</t>
    <phoneticPr fontId="1"/>
  </si>
  <si>
    <t>ⅵ  診療前相談を行うにあたっては、結果としてオンライン診療が行
　　えない可能性があることや、診療前相談の費用等について医療機
　　関のホームページ等で示すほか、あらかじめ患者に十分周知す
　　る。</t>
    <rPh sb="31" eb="32">
      <t>オコナ</t>
    </rPh>
    <rPh sb="61" eb="63">
      <t>イリョウ</t>
    </rPh>
    <phoneticPr fontId="1"/>
  </si>
  <si>
    <t> 緊急避妊に係る診療については、緊急
　 避妊を要するが対面診療が可能な医療
　 機関等に係る適切な情報を有しない女
　 性に対し、女性の健康に関する相談窓
　 口等（女性健康支援センター、婦人相
　 談所、性犯罪・性暴力被害者のための
　 ワンストップ支援センターを含む。）
　 において、対面診療が可能な医療機関
　 のリスト等を用いて受診可能な医療機
　 関を紹介することとし、その上で直接
　 の対面診療を受診することとする。
 なお、調剤に対応可能な薬局の一覧は
　 厚生労働省のホームページにおいて公
　 開されている。
https://www.mhlw.go.jp/stf/kinnkyuuhininnyaku.html</t>
    <phoneticPr fontId="1"/>
  </si>
  <si>
    <r>
      <t>　確認書類の例：
　ⅰ</t>
    </r>
    <r>
      <rPr>
        <b/>
        <u/>
        <sz val="10"/>
        <rFont val="ＭＳ ゴシック"/>
        <family val="3"/>
        <charset val="128"/>
      </rPr>
      <t>患者の本人確認</t>
    </r>
    <r>
      <rPr>
        <sz val="10"/>
        <rFont val="ＭＳ ゴシック"/>
        <family val="3"/>
        <charset val="128"/>
      </rPr>
      <t>：
　 健康保険証（被保険者証）、マイナ
　 ンバーカード、運転免許証、パスポ
　 ート等の提示
　ⅱ</t>
    </r>
    <r>
      <rPr>
        <b/>
        <u/>
        <sz val="10"/>
        <rFont val="ＭＳ ゴシック"/>
        <family val="3"/>
        <charset val="128"/>
      </rPr>
      <t>医師の本人証明</t>
    </r>
    <r>
      <rPr>
        <sz val="10"/>
        <rFont val="ＭＳ ゴシック"/>
        <family val="3"/>
        <charset val="128"/>
      </rPr>
      <t>：
　　HPKI カード（医師資格証）、マイ
　　ナンバーカード、運転免許証、パス
　　ポート等の提示
　ⅲ</t>
    </r>
    <r>
      <rPr>
        <b/>
        <u/>
        <sz val="10"/>
        <rFont val="ＭＳ ゴシック"/>
        <family val="3"/>
        <charset val="128"/>
      </rPr>
      <t>医師の資格証明</t>
    </r>
    <r>
      <rPr>
        <sz val="10"/>
        <rFont val="ＭＳ ゴシック"/>
        <family val="3"/>
        <charset val="128"/>
      </rPr>
      <t>：
　　HPKI  カード（医師資格証）、医師
　　免許証の提示の活用</t>
    </r>
    <phoneticPr fontId="1"/>
  </si>
  <si>
    <t>1)  情報通信機器を用いた遠隔からの高度な技術を有する医師
　による手術等</t>
    <rPh sb="35" eb="38">
      <t>シュジュツトウ</t>
    </rPh>
    <phoneticPr fontId="1"/>
  </si>
  <si>
    <t>2)  情報通信機器を用いた遠隔からの高度な専門性を有する医
　師による診察・診断等</t>
    <phoneticPr fontId="1"/>
  </si>
  <si>
    <t>1-2)  医療機関が汎用サービスを用いる場合に特に留意すべ
　き事項（医療機関が汎用サービスを用いる場合は、1-1）に
　加えて下記の事項を実施）</t>
    <phoneticPr fontId="1"/>
  </si>
  <si>
    <t>ⅶ　システムの運用保守を行う医療機関の職員や事業者、ク
　　ラウドサービス事業者のアクセス権限を管理する
　　（※）。</t>
    <phoneticPr fontId="1"/>
  </si>
  <si>
    <t>ⅲ  患者が情報通信機器の使用に慣れていない場合については、オン
　　ライン診療支援者が機器の使用の支援を行ってもよいが、医師
　　は、当該オンライン診療支援者に対して、適切なオンライン診療
　　が実施されるよう、機器の使用方法や情報セキュリティ上のリス
　　ク、診療開始のタイミング等について、あらかじめ説明を行う。</t>
    <phoneticPr fontId="1"/>
  </si>
  <si>
    <t>ⅱ  対面診療と同様に診療録の記載は必要であるが、対面診療にお
　　ける診療録記載と遜色の無いよう注意を払う。加えて、診断等
　　の基礎となる情報（診察時の動画や画像等）を保管する場合は、
　　医療情報安全管理ガイドライン等に準じてセキュリティを講じ
　　る。</t>
    <phoneticPr fontId="1"/>
  </si>
  <si>
    <t>確認日：2026/5/26　　　　　　　　　　　　　　　　
確認者：　　岡崎伸　　　　　　　　</t>
    <rPh sb="0" eb="3">
      <t>カクニンビ</t>
    </rPh>
    <rPh sb="30" eb="33">
      <t>カクニンシャ</t>
    </rPh>
    <rPh sb="36" eb="39">
      <t>オカザキシン</t>
    </rPh>
    <phoneticPr fontId="1"/>
  </si>
  <si>
    <t>☑</t>
  </si>
  <si>
    <t>☑</t>
    <phoneticPr fontId="1"/>
  </si>
  <si>
    <t> ただし、既往歴、服薬歴、アレルギー歴　 等の他、症状から勘案して問診及び視診　 を補完するのに必要な医学的情報を過去　 の診療録、診療情報提供書、健康診断の　 結果、地域医療情報ネットワーク 、 お　 薬手帳、Personal  Health Record（以下
　「PHR」という。）等から把握でき、患者　 の症状と合わせて医師が可能と判断した　 場合にも実施できる（後者の場合、事前　 に得た情報を診療録に記載する必要があ る。）。</t>
    <phoneticPr fontId="1"/>
  </si>
  <si>
    <r>
      <t xml:space="preserve">遵守
</t>
    </r>
    <r>
      <rPr>
        <sz val="9"/>
        <rFont val="ＭＳ ゴシック"/>
        <family val="3"/>
        <charset val="128"/>
      </rPr>
      <t>（非該当）</t>
    </r>
    <rPh sb="5" eb="8">
      <t>ヒガイトウ</t>
    </rPh>
    <phoneticPr fontId="1"/>
  </si>
  <si>
    <r>
      <t xml:space="preserve">遵守
</t>
    </r>
    <r>
      <rPr>
        <sz val="9"/>
        <rFont val="ＭＳ ゴシック"/>
        <family val="3"/>
        <charset val="128"/>
      </rPr>
      <t>（非該当）</t>
    </r>
    <rPh sb="4" eb="7">
      <t>ヒガイトウ</t>
    </rPh>
    <phoneticPr fontId="1"/>
  </si>
  <si>
    <t>ⅰ  緊急時などに医師、患者が身分確認書類を保持していない等のや
　　むを得ない事情がある場合を除き、原則として、医師と患者双方
　　が身分確認書類を用いてお互いに本人であることの確認を行う。
　※かかりつけの医師がオンライン診療を行う場合等、社会通念上、
　　当然に医師、患者本人であると認識できる状況であった場合に
　　は、診療の都度本人確認を行う必要はない。</t>
    <phoneticPr fontId="1"/>
  </si>
  <si>
    <t>ⅳ 「医籍登録年」を伝える（医師免許証を用いることが望ましい。）
　　など、医師が医師の資格を保有していることを患者が確認できる
　　環境を整える。
　　また、必要に応じて、厚生労働省の「医師等資格確認検索」（氏
　　名、性別、医籍登録年）を用いて医師の資格確認が可能である旨
　　を示す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0"/>
      <color rgb="FF000000"/>
      <name val="Times New Roman"/>
      <charset val="204"/>
    </font>
    <font>
      <sz val="6"/>
      <name val="ＭＳ Ｐゴシック"/>
      <family val="3"/>
      <charset val="128"/>
    </font>
    <font>
      <sz val="10"/>
      <name val="ＭＳ ゴシック"/>
      <family val="3"/>
      <charset val="128"/>
    </font>
    <font>
      <b/>
      <sz val="18"/>
      <name val="ＭＳ ゴシック"/>
      <family val="3"/>
      <charset val="128"/>
    </font>
    <font>
      <b/>
      <sz val="14"/>
      <name val="ＭＳ ゴシック"/>
      <family val="3"/>
      <charset val="128"/>
    </font>
    <font>
      <sz val="10"/>
      <color rgb="FF000000"/>
      <name val="ＭＳ ゴシック"/>
      <family val="3"/>
      <charset val="128"/>
    </font>
    <font>
      <b/>
      <sz val="16"/>
      <name val="ＭＳ ゴシック"/>
      <family val="3"/>
      <charset val="128"/>
    </font>
    <font>
      <b/>
      <sz val="11"/>
      <name val="ＭＳ ゴシック"/>
      <family val="3"/>
      <charset val="128"/>
    </font>
    <font>
      <sz val="11"/>
      <color rgb="FFFFFFFF"/>
      <name val="ＭＳ ゴシック"/>
      <family val="3"/>
      <charset val="128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sz val="12"/>
      <color rgb="FFFFFFFF"/>
      <name val="ＭＳ ゴシック"/>
      <family val="3"/>
      <charset val="128"/>
    </font>
    <font>
      <sz val="12"/>
      <color rgb="FF000000"/>
      <name val="ＭＳ ゴシック"/>
      <family val="3"/>
      <charset val="128"/>
    </font>
    <font>
      <b/>
      <u/>
      <sz val="10"/>
      <name val="ＭＳ ゴシック"/>
      <family val="3"/>
      <charset val="128"/>
    </font>
    <font>
      <sz val="10"/>
      <name val="Microsoft JhengHei"/>
      <family val="2"/>
      <charset val="136"/>
    </font>
    <font>
      <sz val="10"/>
      <name val="Segoe UI Symbol"/>
      <family val="3"/>
    </font>
    <font>
      <b/>
      <sz val="12"/>
      <name val="ＭＳ ゴシック"/>
      <family val="3"/>
      <charset val="128"/>
    </font>
    <font>
      <b/>
      <u/>
      <sz val="12"/>
      <name val="ＭＳ ゴシック"/>
      <family val="3"/>
      <charset val="128"/>
    </font>
    <font>
      <sz val="11"/>
      <color rgb="FF000000"/>
      <name val="ＭＳ ゴシック"/>
      <family val="3"/>
      <charset val="128"/>
    </font>
    <font>
      <sz val="9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585858"/>
      </patternFill>
    </fill>
    <fill>
      <patternFill patternType="solid">
        <fgColor rgb="FFFFF1CC"/>
      </patternFill>
    </fill>
    <fill>
      <patternFill patternType="solid">
        <fgColor rgb="FFDEEAF6"/>
      </patternFill>
    </fill>
    <fill>
      <patternFill patternType="solid">
        <fgColor rgb="FF808080"/>
      </patternFill>
    </fill>
  </fills>
  <borders count="20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/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thin">
        <color rgb="FF000000"/>
      </left>
      <right/>
      <top/>
      <bottom/>
      <diagonal/>
    </border>
    <border>
      <left style="thin">
        <color rgb="FF000000"/>
      </left>
      <right style="thin">
        <color rgb="FF000000"/>
      </right>
      <top style="hair">
        <color rgb="FF000000"/>
      </top>
      <bottom style="thin">
        <color rgb="FF000000"/>
      </bottom>
      <diagonal/>
    </border>
    <border>
      <left style="thin">
        <color rgb="FF000000"/>
      </left>
      <right/>
      <top style="hair">
        <color rgb="FF000000"/>
      </top>
      <bottom style="thin">
        <color rgb="FF000000"/>
      </bottom>
      <diagonal/>
    </border>
    <border>
      <left/>
      <right/>
      <top style="hair">
        <color rgb="FF000000"/>
      </top>
      <bottom style="thin">
        <color rgb="FF000000"/>
      </bottom>
      <diagonal/>
    </border>
    <border>
      <left/>
      <right style="thin">
        <color rgb="FF000000"/>
      </right>
      <top style="hair">
        <color rgb="FF000000"/>
      </top>
      <bottom style="thin">
        <color rgb="FF000000"/>
      </bottom>
      <diagonal/>
    </border>
  </borders>
  <cellStyleXfs count="1">
    <xf numFmtId="0" fontId="0" fillId="0" borderId="0"/>
  </cellStyleXfs>
  <cellXfs count="102">
    <xf numFmtId="0" fontId="0" fillId="0" borderId="0" xfId="0" applyFill="1" applyBorder="1" applyAlignment="1">
      <alignment horizontal="left" vertical="top"/>
    </xf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horizontal="left" vertical="top"/>
    </xf>
    <xf numFmtId="0" fontId="2" fillId="0" borderId="0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vertical="top" wrapText="1"/>
    </xf>
    <xf numFmtId="0" fontId="9" fillId="2" borderId="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2" borderId="1" xfId="0" applyFont="1" applyFill="1" applyBorder="1" applyAlignment="1">
      <alignment horizontal="left" vertical="center" wrapText="1"/>
    </xf>
    <xf numFmtId="0" fontId="10" fillId="0" borderId="1" xfId="0" applyFont="1" applyFill="1" applyBorder="1" applyAlignment="1">
      <alignment horizontal="center" vertical="center" wrapText="1"/>
    </xf>
    <xf numFmtId="0" fontId="10" fillId="3" borderId="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top" wrapText="1"/>
    </xf>
    <xf numFmtId="0" fontId="5" fillId="0" borderId="1" xfId="0" applyFont="1" applyFill="1" applyBorder="1" applyAlignment="1">
      <alignment horizontal="left" vertical="top" wrapText="1"/>
    </xf>
    <xf numFmtId="0" fontId="12" fillId="2" borderId="1" xfId="0" applyFont="1" applyFill="1" applyBorder="1" applyAlignment="1">
      <alignment horizontal="left" vertical="center" wrapText="1"/>
    </xf>
    <xf numFmtId="0" fontId="2" fillId="0" borderId="1" xfId="0" applyFont="1" applyFill="1" applyBorder="1" applyAlignment="1">
      <alignment horizontal="center" vertical="center" wrapText="1"/>
    </xf>
    <xf numFmtId="0" fontId="5" fillId="5" borderId="5" xfId="0" applyFont="1" applyFill="1" applyBorder="1" applyAlignment="1">
      <alignment horizontal="left" vertical="top" wrapText="1"/>
    </xf>
    <xf numFmtId="0" fontId="5" fillId="5" borderId="1" xfId="0" applyFont="1" applyFill="1" applyBorder="1" applyAlignment="1">
      <alignment horizontal="left" vertical="top" wrapText="1"/>
    </xf>
    <xf numFmtId="0" fontId="5" fillId="5" borderId="1" xfId="0" applyFont="1" applyFill="1" applyBorder="1" applyAlignment="1">
      <alignment horizontal="left" vertical="center" wrapText="1"/>
    </xf>
    <xf numFmtId="0" fontId="5" fillId="5" borderId="5" xfId="0" applyFont="1" applyFill="1" applyBorder="1" applyAlignment="1">
      <alignment horizontal="left" vertical="center" wrapText="1"/>
    </xf>
    <xf numFmtId="0" fontId="5" fillId="5" borderId="6" xfId="0" applyFont="1" applyFill="1" applyBorder="1" applyAlignment="1">
      <alignment horizontal="left" vertical="top" wrapText="1"/>
    </xf>
    <xf numFmtId="0" fontId="2" fillId="0" borderId="1" xfId="0" applyFont="1" applyFill="1" applyBorder="1" applyAlignment="1">
      <alignment horizontal="left" vertical="top" wrapText="1"/>
    </xf>
    <xf numFmtId="0" fontId="12" fillId="0" borderId="0" xfId="0" applyFont="1" applyFill="1" applyBorder="1" applyAlignment="1">
      <alignment horizontal="left" vertical="top"/>
    </xf>
    <xf numFmtId="0" fontId="10" fillId="4" borderId="1" xfId="0" applyFont="1" applyFill="1" applyBorder="1" applyAlignment="1">
      <alignment horizontal="center" vertical="center" wrapText="1"/>
    </xf>
    <xf numFmtId="0" fontId="12" fillId="2" borderId="1" xfId="0" applyFont="1" applyFill="1" applyBorder="1" applyAlignment="1">
      <alignment horizontal="center" vertical="center" wrapText="1"/>
    </xf>
    <xf numFmtId="0" fontId="12" fillId="0" borderId="0" xfId="0" applyFont="1" applyFill="1" applyBorder="1" applyAlignment="1">
      <alignment horizontal="left" vertical="center"/>
    </xf>
    <xf numFmtId="0" fontId="8" fillId="2" borderId="1" xfId="0" applyFont="1" applyFill="1" applyBorder="1" applyAlignment="1">
      <alignment horizontal="center" vertical="center" wrapText="1"/>
    </xf>
    <xf numFmtId="0" fontId="12" fillId="2" borderId="5" xfId="0" applyFont="1" applyFill="1" applyBorder="1" applyAlignment="1">
      <alignment horizontal="left" vertical="center" wrapText="1"/>
    </xf>
    <xf numFmtId="0" fontId="10" fillId="3" borderId="5" xfId="0" applyFont="1" applyFill="1" applyBorder="1" applyAlignment="1">
      <alignment horizontal="center" vertical="center" wrapText="1"/>
    </xf>
    <xf numFmtId="0" fontId="2" fillId="0" borderId="5" xfId="0" applyFont="1" applyFill="1" applyBorder="1" applyAlignment="1">
      <alignment horizontal="left" vertical="top" wrapText="1"/>
    </xf>
    <xf numFmtId="0" fontId="12" fillId="0" borderId="0" xfId="0" applyFont="1" applyFill="1" applyBorder="1" applyAlignment="1">
      <alignment horizontal="left" vertical="center" wrapText="1"/>
    </xf>
    <xf numFmtId="0" fontId="18" fillId="0" borderId="1" xfId="0" applyFont="1" applyFill="1" applyBorder="1" applyAlignment="1">
      <alignment horizontal="left" vertical="center" wrapText="1"/>
    </xf>
    <xf numFmtId="0" fontId="5" fillId="5" borderId="7" xfId="0" applyFont="1" applyFill="1" applyBorder="1" applyAlignment="1">
      <alignment vertical="top" wrapText="1"/>
    </xf>
    <xf numFmtId="0" fontId="5" fillId="5" borderId="6" xfId="0" applyFont="1" applyFill="1" applyBorder="1" applyAlignment="1">
      <alignment vertical="top" wrapText="1"/>
    </xf>
    <xf numFmtId="0" fontId="5" fillId="5" borderId="10" xfId="0" applyFont="1" applyFill="1" applyBorder="1" applyAlignment="1">
      <alignment vertical="top" wrapText="1"/>
    </xf>
    <xf numFmtId="0" fontId="5" fillId="5" borderId="12" xfId="0" applyFont="1" applyFill="1" applyBorder="1" applyAlignment="1">
      <alignment vertical="top" wrapText="1"/>
    </xf>
    <xf numFmtId="0" fontId="5" fillId="5" borderId="15" xfId="0" applyFont="1" applyFill="1" applyBorder="1" applyAlignment="1">
      <alignment vertical="top" wrapText="1"/>
    </xf>
    <xf numFmtId="0" fontId="5" fillId="5" borderId="9" xfId="0" applyFont="1" applyFill="1" applyBorder="1" applyAlignment="1">
      <alignment vertical="top" wrapText="1"/>
    </xf>
    <xf numFmtId="0" fontId="5" fillId="5" borderId="13" xfId="0" applyFont="1" applyFill="1" applyBorder="1" applyAlignment="1">
      <alignment vertical="top" wrapText="1"/>
    </xf>
    <xf numFmtId="0" fontId="5" fillId="5" borderId="8" xfId="0" applyFont="1" applyFill="1" applyBorder="1" applyAlignment="1">
      <alignment vertical="top" wrapText="1"/>
    </xf>
    <xf numFmtId="0" fontId="10" fillId="3" borderId="16" xfId="0" applyFont="1" applyFill="1" applyBorder="1" applyAlignment="1">
      <alignment horizontal="center" vertical="center" wrapText="1"/>
    </xf>
    <xf numFmtId="0" fontId="5" fillId="0" borderId="16" xfId="0" applyFont="1" applyFill="1" applyBorder="1" applyAlignment="1">
      <alignment horizontal="left" vertical="top" wrapText="1"/>
    </xf>
    <xf numFmtId="0" fontId="5" fillId="2" borderId="2" xfId="0" applyFont="1" applyFill="1" applyBorder="1" applyAlignment="1">
      <alignment horizontal="left" vertical="center" wrapText="1"/>
    </xf>
    <xf numFmtId="0" fontId="5" fillId="2" borderId="3" xfId="0" applyFont="1" applyFill="1" applyBorder="1" applyAlignment="1">
      <alignment horizontal="left" vertical="center" wrapText="1"/>
    </xf>
    <xf numFmtId="0" fontId="5" fillId="2" borderId="4" xfId="0" applyFont="1" applyFill="1" applyBorder="1" applyAlignment="1">
      <alignment horizontal="left" vertical="center" wrapText="1"/>
    </xf>
    <xf numFmtId="0" fontId="10" fillId="2" borderId="2" xfId="0" applyFont="1" applyFill="1" applyBorder="1" applyAlignment="1">
      <alignment horizontal="left" vertical="center" wrapText="1"/>
    </xf>
    <xf numFmtId="0" fontId="10" fillId="2" borderId="3" xfId="0" applyFont="1" applyFill="1" applyBorder="1" applyAlignment="1">
      <alignment horizontal="left" vertical="center" wrapText="1"/>
    </xf>
    <xf numFmtId="0" fontId="10" fillId="2" borderId="4" xfId="0" applyFont="1" applyFill="1" applyBorder="1" applyAlignment="1">
      <alignment horizontal="left" vertical="center" wrapText="1"/>
    </xf>
    <xf numFmtId="0" fontId="10" fillId="0" borderId="2" xfId="0" applyFont="1" applyFill="1" applyBorder="1" applyAlignment="1">
      <alignment horizontal="left" vertical="top" wrapText="1"/>
    </xf>
    <xf numFmtId="0" fontId="10" fillId="0" borderId="3" xfId="0" applyFont="1" applyFill="1" applyBorder="1" applyAlignment="1">
      <alignment horizontal="left" vertical="top" wrapText="1"/>
    </xf>
    <xf numFmtId="0" fontId="10" fillId="0" borderId="4" xfId="0" applyFont="1" applyFill="1" applyBorder="1" applyAlignment="1">
      <alignment horizontal="left" vertical="top" wrapText="1"/>
    </xf>
    <xf numFmtId="0" fontId="12" fillId="0" borderId="3" xfId="0" applyFont="1" applyFill="1" applyBorder="1" applyAlignment="1">
      <alignment horizontal="left" vertical="top" wrapText="1"/>
    </xf>
    <xf numFmtId="0" fontId="12" fillId="0" borderId="4" xfId="0" applyFont="1" applyFill="1" applyBorder="1" applyAlignment="1">
      <alignment horizontal="left" vertical="top" wrapText="1"/>
    </xf>
    <xf numFmtId="0" fontId="2" fillId="0" borderId="0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 vertical="top" wrapText="1"/>
    </xf>
    <xf numFmtId="0" fontId="6" fillId="0" borderId="14" xfId="0" applyFont="1" applyFill="1" applyBorder="1" applyAlignment="1"/>
    <xf numFmtId="0" fontId="10" fillId="0" borderId="2" xfId="0" applyFont="1" applyFill="1" applyBorder="1" applyAlignment="1">
      <alignment horizontal="left" vertical="top" wrapText="1" indent="2"/>
    </xf>
    <xf numFmtId="0" fontId="12" fillId="0" borderId="3" xfId="0" applyFont="1" applyFill="1" applyBorder="1" applyAlignment="1">
      <alignment horizontal="left" vertical="top" wrapText="1" indent="2"/>
    </xf>
    <xf numFmtId="0" fontId="12" fillId="0" borderId="4" xfId="0" applyFont="1" applyFill="1" applyBorder="1" applyAlignment="1">
      <alignment horizontal="left" vertical="top" wrapText="1" indent="2"/>
    </xf>
    <xf numFmtId="0" fontId="11" fillId="2" borderId="2" xfId="0" applyFont="1" applyFill="1" applyBorder="1" applyAlignment="1">
      <alignment horizontal="left" vertical="center" wrapText="1"/>
    </xf>
    <xf numFmtId="0" fontId="2" fillId="0" borderId="7" xfId="0" applyFont="1" applyFill="1" applyBorder="1" applyAlignment="1">
      <alignment horizontal="left" vertical="top" wrapText="1"/>
    </xf>
    <xf numFmtId="0" fontId="5" fillId="0" borderId="6" xfId="0" applyFont="1" applyFill="1" applyBorder="1" applyAlignment="1">
      <alignment horizontal="left" vertical="top" wrapText="1"/>
    </xf>
    <xf numFmtId="0" fontId="12" fillId="2" borderId="2" xfId="0" applyFont="1" applyFill="1" applyBorder="1" applyAlignment="1">
      <alignment horizontal="left" vertical="center" wrapText="1"/>
    </xf>
    <xf numFmtId="0" fontId="12" fillId="2" borderId="3" xfId="0" applyFont="1" applyFill="1" applyBorder="1" applyAlignment="1">
      <alignment horizontal="left" vertical="center" wrapText="1"/>
    </xf>
    <xf numFmtId="0" fontId="12" fillId="2" borderId="4" xfId="0" applyFont="1" applyFill="1" applyBorder="1" applyAlignment="1">
      <alignment horizontal="left" vertical="center" wrapText="1"/>
    </xf>
    <xf numFmtId="0" fontId="10" fillId="0" borderId="10" xfId="0" applyFont="1" applyFill="1" applyBorder="1" applyAlignment="1">
      <alignment horizontal="left" vertical="top" wrapText="1"/>
    </xf>
    <xf numFmtId="0" fontId="10" fillId="0" borderId="11" xfId="0" applyFont="1" applyFill="1" applyBorder="1" applyAlignment="1">
      <alignment horizontal="left" vertical="top" wrapText="1"/>
    </xf>
    <xf numFmtId="0" fontId="10" fillId="0" borderId="12" xfId="0" applyFont="1" applyFill="1" applyBorder="1" applyAlignment="1">
      <alignment horizontal="left" vertical="top" wrapText="1"/>
    </xf>
    <xf numFmtId="0" fontId="10" fillId="0" borderId="17" xfId="0" applyFont="1" applyFill="1" applyBorder="1" applyAlignment="1">
      <alignment horizontal="left" vertical="top" wrapText="1" indent="2"/>
    </xf>
    <xf numFmtId="0" fontId="12" fillId="0" borderId="18" xfId="0" applyFont="1" applyFill="1" applyBorder="1" applyAlignment="1">
      <alignment horizontal="left" vertical="top" wrapText="1" indent="2"/>
    </xf>
    <xf numFmtId="0" fontId="12" fillId="0" borderId="19" xfId="0" applyFont="1" applyFill="1" applyBorder="1" applyAlignment="1">
      <alignment horizontal="left" vertical="top" wrapText="1" indent="2"/>
    </xf>
    <xf numFmtId="0" fontId="10" fillId="0" borderId="3" xfId="0" applyFont="1" applyFill="1" applyBorder="1" applyAlignment="1">
      <alignment horizontal="left" vertical="top" wrapText="1" indent="2"/>
    </xf>
    <xf numFmtId="0" fontId="10" fillId="0" borderId="4" xfId="0" applyFont="1" applyFill="1" applyBorder="1" applyAlignment="1">
      <alignment horizontal="left" vertical="top" wrapText="1" indent="2"/>
    </xf>
    <xf numFmtId="0" fontId="2" fillId="0" borderId="5" xfId="0" applyFont="1" applyFill="1" applyBorder="1" applyAlignment="1">
      <alignment horizontal="left" vertical="top" wrapText="1"/>
    </xf>
    <xf numFmtId="0" fontId="5" fillId="0" borderId="7" xfId="0" applyFont="1" applyFill="1" applyBorder="1" applyAlignment="1">
      <alignment horizontal="left" vertical="top" wrapText="1"/>
    </xf>
    <xf numFmtId="0" fontId="11" fillId="5" borderId="2" xfId="0" applyFont="1" applyFill="1" applyBorder="1" applyAlignment="1">
      <alignment horizontal="left" vertical="top" wrapText="1" indent="1"/>
    </xf>
    <xf numFmtId="0" fontId="12" fillId="5" borderId="3" xfId="0" applyFont="1" applyFill="1" applyBorder="1" applyAlignment="1">
      <alignment horizontal="left" vertical="top" wrapText="1" indent="1"/>
    </xf>
    <xf numFmtId="0" fontId="12" fillId="5" borderId="4" xfId="0" applyFont="1" applyFill="1" applyBorder="1" applyAlignment="1">
      <alignment horizontal="left" vertical="top" wrapText="1" indent="1"/>
    </xf>
    <xf numFmtId="0" fontId="11" fillId="5" borderId="2" xfId="0" applyFont="1" applyFill="1" applyBorder="1" applyAlignment="1">
      <alignment horizontal="left" vertical="top" wrapText="1"/>
    </xf>
    <xf numFmtId="0" fontId="12" fillId="5" borderId="3" xfId="0" applyFont="1" applyFill="1" applyBorder="1" applyAlignment="1">
      <alignment horizontal="left" vertical="top" wrapText="1"/>
    </xf>
    <xf numFmtId="0" fontId="12" fillId="5" borderId="4" xfId="0" applyFont="1" applyFill="1" applyBorder="1" applyAlignment="1">
      <alignment horizontal="left" vertical="top" wrapText="1"/>
    </xf>
    <xf numFmtId="0" fontId="10" fillId="5" borderId="10" xfId="0" applyFont="1" applyFill="1" applyBorder="1" applyAlignment="1">
      <alignment horizontal="left" vertical="top" wrapText="1" indent="1"/>
    </xf>
    <xf numFmtId="0" fontId="10" fillId="5" borderId="11" xfId="0" applyFont="1" applyFill="1" applyBorder="1" applyAlignment="1">
      <alignment horizontal="left" vertical="top" wrapText="1" indent="1"/>
    </xf>
    <xf numFmtId="0" fontId="10" fillId="5" borderId="12" xfId="0" applyFont="1" applyFill="1" applyBorder="1" applyAlignment="1">
      <alignment horizontal="left" vertical="top" wrapText="1" indent="1"/>
    </xf>
    <xf numFmtId="0" fontId="10" fillId="0" borderId="13" xfId="0" applyFont="1" applyFill="1" applyBorder="1" applyAlignment="1">
      <alignment horizontal="left" vertical="top" wrapText="1"/>
    </xf>
    <xf numFmtId="0" fontId="10" fillId="0" borderId="14" xfId="0" applyFont="1" applyFill="1" applyBorder="1" applyAlignment="1">
      <alignment horizontal="left" vertical="top" wrapText="1"/>
    </xf>
    <xf numFmtId="0" fontId="10" fillId="0" borderId="8" xfId="0" applyFont="1" applyFill="1" applyBorder="1" applyAlignment="1">
      <alignment horizontal="left" vertical="top" wrapText="1"/>
    </xf>
    <xf numFmtId="0" fontId="5" fillId="5" borderId="2" xfId="0" applyFont="1" applyFill="1" applyBorder="1" applyAlignment="1">
      <alignment horizontal="left" vertical="center" wrapText="1"/>
    </xf>
    <xf numFmtId="0" fontId="5" fillId="5" borderId="4" xfId="0" applyFont="1" applyFill="1" applyBorder="1" applyAlignment="1">
      <alignment horizontal="left" vertical="center" wrapText="1"/>
    </xf>
    <xf numFmtId="0" fontId="10" fillId="5" borderId="2" xfId="0" applyFont="1" applyFill="1" applyBorder="1" applyAlignment="1">
      <alignment horizontal="left" vertical="top" wrapText="1"/>
    </xf>
    <xf numFmtId="0" fontId="10" fillId="5" borderId="4" xfId="0" applyFont="1" applyFill="1" applyBorder="1" applyAlignment="1">
      <alignment horizontal="left" vertical="top" wrapText="1"/>
    </xf>
    <xf numFmtId="0" fontId="5" fillId="5" borderId="10" xfId="0" applyFont="1" applyFill="1" applyBorder="1" applyAlignment="1">
      <alignment horizontal="left" vertical="top" wrapText="1"/>
    </xf>
    <xf numFmtId="0" fontId="5" fillId="5" borderId="12" xfId="0" applyFont="1" applyFill="1" applyBorder="1" applyAlignment="1">
      <alignment horizontal="left" vertical="top" wrapText="1"/>
    </xf>
    <xf numFmtId="0" fontId="5" fillId="5" borderId="15" xfId="0" applyFont="1" applyFill="1" applyBorder="1" applyAlignment="1">
      <alignment horizontal="left" vertical="top" wrapText="1"/>
    </xf>
    <xf numFmtId="0" fontId="5" fillId="5" borderId="9" xfId="0" applyFont="1" applyFill="1" applyBorder="1" applyAlignment="1">
      <alignment horizontal="left" vertical="top" wrapText="1"/>
    </xf>
    <xf numFmtId="0" fontId="5" fillId="5" borderId="13" xfId="0" applyFont="1" applyFill="1" applyBorder="1" applyAlignment="1">
      <alignment horizontal="left" vertical="top" wrapText="1"/>
    </xf>
    <xf numFmtId="0" fontId="5" fillId="5" borderId="8" xfId="0" applyFont="1" applyFill="1" applyBorder="1" applyAlignment="1">
      <alignment horizontal="left" vertical="top" wrapText="1"/>
    </xf>
    <xf numFmtId="0" fontId="5" fillId="5" borderId="7" xfId="0" applyFont="1" applyFill="1" applyBorder="1" applyAlignment="1">
      <alignment horizontal="left" vertical="top" wrapText="1"/>
    </xf>
    <xf numFmtId="0" fontId="5" fillId="5" borderId="6" xfId="0" applyFont="1" applyFill="1" applyBorder="1" applyAlignment="1">
      <alignment horizontal="left" vertical="top" wrapText="1"/>
    </xf>
    <xf numFmtId="0" fontId="5" fillId="5" borderId="10" xfId="0" applyFont="1" applyFill="1" applyBorder="1" applyAlignment="1">
      <alignment horizontal="left" vertical="center" wrapText="1"/>
    </xf>
    <xf numFmtId="0" fontId="5" fillId="5" borderId="12" xfId="0" applyFont="1" applyFill="1" applyBorder="1" applyAlignment="1">
      <alignment horizontal="left" vertical="center" wrapText="1"/>
    </xf>
    <xf numFmtId="0" fontId="10" fillId="5" borderId="2" xfId="0" applyFont="1" applyFill="1" applyBorder="1" applyAlignment="1">
      <alignment horizontal="left" vertical="top" wrapText="1" indent="1"/>
    </xf>
    <xf numFmtId="0" fontId="10" fillId="5" borderId="4" xfId="0" applyFont="1" applyFill="1" applyBorder="1" applyAlignment="1">
      <alignment horizontal="left" vertical="top" wrapText="1" inden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jmsf.or.jp/uploads/m" TargetMode="External"/><Relationship Id="rId2" Type="http://schemas.openxmlformats.org/officeDocument/2006/relationships/hyperlink" Target="https://www.mhlw.go.jp/stf/kinnk" TargetMode="External"/><Relationship Id="rId1" Type="http://schemas.openxmlformats.org/officeDocument/2006/relationships/hyperlink" Target="https://www.jmsf.or.jp/uploads/me" TargetMode="External"/><Relationship Id="rId4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146"/>
  <sheetViews>
    <sheetView tabSelected="1" view="pageBreakPreview" topLeftCell="A109" zoomScaleNormal="100" zoomScaleSheetLayoutView="100" workbookViewId="0">
      <selection activeCell="G33" sqref="G33"/>
    </sheetView>
  </sheetViews>
  <sheetFormatPr defaultColWidth="8.77734375" defaultRowHeight="12" x14ac:dyDescent="0.25"/>
  <cols>
    <col min="1" max="2" width="4.6640625" style="2" customWidth="1"/>
    <col min="3" max="3" width="44.109375" style="2" customWidth="1"/>
    <col min="4" max="4" width="23.44140625" style="2" customWidth="1"/>
    <col min="5" max="5" width="5.77734375" style="2" customWidth="1"/>
    <col min="6" max="6" width="10.44140625" style="2" customWidth="1"/>
    <col min="7" max="7" width="43.109375" style="2" customWidth="1"/>
    <col min="8" max="8" width="8" style="2" customWidth="1"/>
    <col min="9" max="16384" width="8.77734375" style="2"/>
  </cols>
  <sheetData>
    <row r="1" spans="1:8" ht="69" customHeight="1" x14ac:dyDescent="0.25">
      <c r="A1" s="52" t="s">
        <v>7</v>
      </c>
      <c r="B1" s="52"/>
      <c r="C1" s="52"/>
      <c r="D1" s="52"/>
      <c r="E1" s="52"/>
      <c r="F1" s="52"/>
      <c r="G1" s="52"/>
      <c r="H1" s="1"/>
    </row>
    <row r="2" spans="1:8" ht="46.2" customHeight="1" x14ac:dyDescent="0.25">
      <c r="A2" s="3"/>
      <c r="B2" s="3"/>
      <c r="C2" s="3"/>
      <c r="D2" s="53" t="s">
        <v>179</v>
      </c>
      <c r="E2" s="53"/>
      <c r="F2" s="53"/>
      <c r="G2" s="53"/>
      <c r="H2" s="1"/>
    </row>
    <row r="3" spans="1:8" ht="22.95" customHeight="1" x14ac:dyDescent="0.25">
      <c r="A3" s="54" t="s">
        <v>1</v>
      </c>
      <c r="B3" s="54"/>
      <c r="C3" s="54"/>
      <c r="D3" s="54"/>
      <c r="E3" s="54"/>
      <c r="F3" s="54"/>
      <c r="G3" s="54"/>
      <c r="H3" s="4"/>
    </row>
    <row r="4" spans="1:8" ht="29.4" customHeight="1" x14ac:dyDescent="0.25">
      <c r="A4" s="41"/>
      <c r="B4" s="42"/>
      <c r="C4" s="42"/>
      <c r="D4" s="42"/>
      <c r="E4" s="43"/>
      <c r="F4" s="25" t="s">
        <v>0</v>
      </c>
      <c r="G4" s="5" t="s">
        <v>8</v>
      </c>
      <c r="H4" s="6"/>
    </row>
    <row r="5" spans="1:8" ht="24" customHeight="1" x14ac:dyDescent="0.25">
      <c r="A5" s="44" t="s">
        <v>9</v>
      </c>
      <c r="B5" s="45"/>
      <c r="C5" s="45"/>
      <c r="D5" s="45"/>
      <c r="E5" s="46"/>
      <c r="F5" s="7"/>
      <c r="G5" s="7"/>
      <c r="H5" s="6"/>
    </row>
    <row r="6" spans="1:8" ht="38.4" customHeight="1" x14ac:dyDescent="0.25">
      <c r="A6" s="47" t="s">
        <v>10</v>
      </c>
      <c r="B6" s="48"/>
      <c r="C6" s="48"/>
      <c r="D6" s="49"/>
      <c r="E6" s="8" t="s">
        <v>181</v>
      </c>
      <c r="F6" s="9" t="s">
        <v>3</v>
      </c>
      <c r="G6" s="10"/>
      <c r="H6" s="6"/>
    </row>
    <row r="7" spans="1:8" ht="54.6" customHeight="1" x14ac:dyDescent="0.25">
      <c r="A7" s="47" t="s">
        <v>11</v>
      </c>
      <c r="B7" s="48"/>
      <c r="C7" s="48"/>
      <c r="D7" s="49"/>
      <c r="E7" s="8" t="s">
        <v>180</v>
      </c>
      <c r="F7" s="9" t="s">
        <v>3</v>
      </c>
      <c r="G7" s="20" t="s">
        <v>6</v>
      </c>
      <c r="H7" s="11"/>
    </row>
    <row r="8" spans="1:8" ht="61.95" customHeight="1" x14ac:dyDescent="0.25">
      <c r="A8" s="47" t="s">
        <v>12</v>
      </c>
      <c r="B8" s="50"/>
      <c r="C8" s="50"/>
      <c r="D8" s="51"/>
      <c r="E8" s="8" t="s">
        <v>180</v>
      </c>
      <c r="F8" s="9" t="s">
        <v>3</v>
      </c>
      <c r="G8" s="12"/>
      <c r="H8" s="11"/>
    </row>
    <row r="9" spans="1:8" ht="129" customHeight="1" x14ac:dyDescent="0.25">
      <c r="A9" s="47" t="s">
        <v>151</v>
      </c>
      <c r="B9" s="50"/>
      <c r="C9" s="50"/>
      <c r="D9" s="51"/>
      <c r="E9" s="8" t="s">
        <v>180</v>
      </c>
      <c r="F9" s="9" t="s">
        <v>3</v>
      </c>
      <c r="G9" s="20" t="s">
        <v>13</v>
      </c>
      <c r="H9" s="11"/>
    </row>
    <row r="10" spans="1:8" ht="24" customHeight="1" x14ac:dyDescent="0.25">
      <c r="A10" s="58" t="s">
        <v>14</v>
      </c>
      <c r="B10" s="45"/>
      <c r="C10" s="45"/>
      <c r="D10" s="45"/>
      <c r="E10" s="46"/>
      <c r="F10" s="13"/>
      <c r="G10" s="7"/>
      <c r="H10" s="6"/>
    </row>
    <row r="11" spans="1:8" ht="47.4" customHeight="1" x14ac:dyDescent="0.25">
      <c r="A11" s="47" t="s">
        <v>15</v>
      </c>
      <c r="B11" s="48"/>
      <c r="C11" s="48"/>
      <c r="D11" s="49"/>
      <c r="E11" s="8" t="s">
        <v>180</v>
      </c>
      <c r="F11" s="9" t="s">
        <v>3</v>
      </c>
      <c r="G11" s="10"/>
      <c r="H11" s="6"/>
    </row>
    <row r="12" spans="1:8" ht="93" customHeight="1" x14ac:dyDescent="0.25">
      <c r="A12" s="47" t="s">
        <v>16</v>
      </c>
      <c r="B12" s="48"/>
      <c r="C12" s="48"/>
      <c r="D12" s="49"/>
      <c r="E12" s="8" t="s">
        <v>180</v>
      </c>
      <c r="F12" s="9" t="s">
        <v>3</v>
      </c>
      <c r="G12" s="20" t="s">
        <v>18</v>
      </c>
      <c r="H12" s="11" t="s">
        <v>17</v>
      </c>
    </row>
    <row r="13" spans="1:8" ht="145.94999999999999" customHeight="1" x14ac:dyDescent="0.25">
      <c r="A13" s="47" t="s">
        <v>152</v>
      </c>
      <c r="B13" s="48"/>
      <c r="C13" s="48"/>
      <c r="D13" s="49"/>
      <c r="E13" s="8" t="s">
        <v>180</v>
      </c>
      <c r="F13" s="9" t="s">
        <v>3</v>
      </c>
      <c r="G13" s="20" t="s">
        <v>182</v>
      </c>
      <c r="H13" s="11"/>
    </row>
    <row r="14" spans="1:8" ht="186.6" customHeight="1" x14ac:dyDescent="0.25">
      <c r="A14" s="47" t="s">
        <v>19</v>
      </c>
      <c r="B14" s="50"/>
      <c r="C14" s="50"/>
      <c r="D14" s="51"/>
      <c r="E14" s="8" t="s">
        <v>180</v>
      </c>
      <c r="F14" s="9" t="s">
        <v>3</v>
      </c>
      <c r="G14" s="20" t="s">
        <v>20</v>
      </c>
    </row>
    <row r="15" spans="1:8" ht="49.95" customHeight="1" x14ac:dyDescent="0.25">
      <c r="A15" s="47" t="s">
        <v>21</v>
      </c>
      <c r="B15" s="50"/>
      <c r="C15" s="50"/>
      <c r="D15" s="51"/>
      <c r="E15" s="8" t="s">
        <v>180</v>
      </c>
      <c r="F15" s="9" t="s">
        <v>3</v>
      </c>
      <c r="G15" s="12"/>
    </row>
    <row r="16" spans="1:8" ht="63" customHeight="1" x14ac:dyDescent="0.25">
      <c r="A16" s="47" t="s">
        <v>170</v>
      </c>
      <c r="B16" s="50"/>
      <c r="C16" s="50"/>
      <c r="D16" s="51"/>
      <c r="E16" s="8" t="s">
        <v>180</v>
      </c>
      <c r="F16" s="9" t="s">
        <v>3</v>
      </c>
      <c r="G16" s="12"/>
    </row>
    <row r="17" spans="1:7" ht="52.95" customHeight="1" x14ac:dyDescent="0.25">
      <c r="A17" s="47" t="s">
        <v>153</v>
      </c>
      <c r="B17" s="48"/>
      <c r="C17" s="48"/>
      <c r="D17" s="49"/>
      <c r="E17" s="8" t="s">
        <v>180</v>
      </c>
      <c r="F17" s="9" t="s">
        <v>3</v>
      </c>
      <c r="G17" s="20" t="s">
        <v>22</v>
      </c>
    </row>
    <row r="18" spans="1:7" ht="29.4" customHeight="1" x14ac:dyDescent="0.25">
      <c r="A18" s="41"/>
      <c r="B18" s="42"/>
      <c r="C18" s="42"/>
      <c r="D18" s="42"/>
      <c r="E18" s="43"/>
      <c r="F18" s="25" t="s">
        <v>0</v>
      </c>
      <c r="G18" s="5" t="s">
        <v>8</v>
      </c>
    </row>
    <row r="19" spans="1:7" ht="100.2" customHeight="1" x14ac:dyDescent="0.25">
      <c r="A19" s="47" t="s">
        <v>23</v>
      </c>
      <c r="B19" s="50"/>
      <c r="C19" s="50"/>
      <c r="D19" s="51"/>
      <c r="E19" s="8" t="s">
        <v>180</v>
      </c>
      <c r="F19" s="9" t="s">
        <v>3</v>
      </c>
      <c r="G19" s="20" t="s">
        <v>24</v>
      </c>
    </row>
    <row r="20" spans="1:7" ht="66" customHeight="1" x14ac:dyDescent="0.25">
      <c r="A20" s="55" t="s">
        <v>25</v>
      </c>
      <c r="B20" s="56"/>
      <c r="C20" s="56"/>
      <c r="D20" s="57"/>
      <c r="E20" s="8" t="s">
        <v>180</v>
      </c>
      <c r="F20" s="9" t="s">
        <v>3</v>
      </c>
      <c r="G20" s="12"/>
    </row>
    <row r="21" spans="1:7" ht="67.2" customHeight="1" x14ac:dyDescent="0.25">
      <c r="A21" s="55" t="s">
        <v>26</v>
      </c>
      <c r="B21" s="56"/>
      <c r="C21" s="56"/>
      <c r="D21" s="57"/>
      <c r="E21" s="8" t="s">
        <v>180</v>
      </c>
      <c r="F21" s="9" t="s">
        <v>3</v>
      </c>
      <c r="G21" s="20" t="s">
        <v>27</v>
      </c>
    </row>
    <row r="22" spans="1:7" ht="91.95" customHeight="1" x14ac:dyDescent="0.25">
      <c r="A22" s="47" t="s">
        <v>28</v>
      </c>
      <c r="B22" s="50"/>
      <c r="C22" s="50"/>
      <c r="D22" s="51"/>
      <c r="E22" s="8" t="s">
        <v>2</v>
      </c>
      <c r="F22" s="9" t="s">
        <v>183</v>
      </c>
      <c r="G22" s="12"/>
    </row>
    <row r="23" spans="1:7" ht="239.4" customHeight="1" x14ac:dyDescent="0.25">
      <c r="A23" s="47" t="s">
        <v>29</v>
      </c>
      <c r="B23" s="50"/>
      <c r="C23" s="50"/>
      <c r="D23" s="51"/>
      <c r="E23" s="8" t="s">
        <v>2</v>
      </c>
      <c r="F23" s="9" t="s">
        <v>183</v>
      </c>
      <c r="G23" s="20" t="s">
        <v>171</v>
      </c>
    </row>
    <row r="24" spans="1:7" ht="49.95" customHeight="1" x14ac:dyDescent="0.25">
      <c r="A24" s="47" t="s">
        <v>30</v>
      </c>
      <c r="B24" s="50"/>
      <c r="C24" s="50"/>
      <c r="D24" s="51"/>
      <c r="E24" s="8" t="s">
        <v>180</v>
      </c>
      <c r="F24" s="22" t="s">
        <v>4</v>
      </c>
      <c r="G24" s="12"/>
    </row>
    <row r="25" spans="1:7" s="24" customFormat="1" ht="24" customHeight="1" x14ac:dyDescent="0.25">
      <c r="A25" s="44" t="s">
        <v>31</v>
      </c>
      <c r="B25" s="45"/>
      <c r="C25" s="45"/>
      <c r="D25" s="45"/>
      <c r="E25" s="46"/>
      <c r="F25" s="23"/>
      <c r="G25" s="13"/>
    </row>
    <row r="26" spans="1:7" ht="337.2" customHeight="1" x14ac:dyDescent="0.25">
      <c r="A26" s="47" t="s">
        <v>154</v>
      </c>
      <c r="B26" s="50"/>
      <c r="C26" s="50"/>
      <c r="D26" s="51"/>
      <c r="E26" s="8" t="s">
        <v>180</v>
      </c>
      <c r="F26" s="9" t="s">
        <v>3</v>
      </c>
      <c r="G26" s="12"/>
    </row>
    <row r="27" spans="1:7" ht="48" customHeight="1" x14ac:dyDescent="0.25">
      <c r="A27" s="47" t="s">
        <v>33</v>
      </c>
      <c r="B27" s="48"/>
      <c r="C27" s="48"/>
      <c r="D27" s="49"/>
      <c r="E27" s="14" t="s">
        <v>180</v>
      </c>
      <c r="F27" s="9" t="s">
        <v>3</v>
      </c>
      <c r="G27" s="20" t="s">
        <v>32</v>
      </c>
    </row>
    <row r="28" spans="1:7" ht="49.95" customHeight="1" x14ac:dyDescent="0.25">
      <c r="A28" s="47" t="s">
        <v>37</v>
      </c>
      <c r="B28" s="50"/>
      <c r="C28" s="50"/>
      <c r="D28" s="51"/>
      <c r="E28" s="8" t="s">
        <v>180</v>
      </c>
      <c r="F28" s="9" t="s">
        <v>3</v>
      </c>
      <c r="G28" s="20" t="s">
        <v>34</v>
      </c>
    </row>
    <row r="29" spans="1:7" ht="78" customHeight="1" x14ac:dyDescent="0.25">
      <c r="A29" s="47" t="s">
        <v>38</v>
      </c>
      <c r="B29" s="50"/>
      <c r="C29" s="50"/>
      <c r="D29" s="51"/>
      <c r="E29" s="8" t="s">
        <v>180</v>
      </c>
      <c r="F29" s="9" t="s">
        <v>3</v>
      </c>
      <c r="G29" s="20" t="s">
        <v>35</v>
      </c>
    </row>
    <row r="30" spans="1:7" ht="49.95" customHeight="1" x14ac:dyDescent="0.25">
      <c r="A30" s="55" t="s">
        <v>39</v>
      </c>
      <c r="B30" s="70"/>
      <c r="C30" s="70"/>
      <c r="D30" s="71"/>
      <c r="E30" s="8" t="s">
        <v>180</v>
      </c>
      <c r="F30" s="9" t="s">
        <v>3</v>
      </c>
      <c r="G30" s="20" t="s">
        <v>36</v>
      </c>
    </row>
    <row r="31" spans="1:7" ht="29.4" customHeight="1" x14ac:dyDescent="0.25">
      <c r="A31" s="41"/>
      <c r="B31" s="42"/>
      <c r="C31" s="42"/>
      <c r="D31" s="42"/>
      <c r="E31" s="43"/>
      <c r="F31" s="25" t="s">
        <v>0</v>
      </c>
      <c r="G31" s="5" t="s">
        <v>8</v>
      </c>
    </row>
    <row r="32" spans="1:7" ht="40.5" customHeight="1" x14ac:dyDescent="0.25">
      <c r="A32" s="47" t="s">
        <v>40</v>
      </c>
      <c r="B32" s="50"/>
      <c r="C32" s="50"/>
      <c r="D32" s="51"/>
      <c r="E32" s="8" t="s">
        <v>180</v>
      </c>
      <c r="F32" s="22" t="s">
        <v>4</v>
      </c>
      <c r="G32" s="12"/>
    </row>
    <row r="33" spans="1:7" ht="106.95" customHeight="1" x14ac:dyDescent="0.25">
      <c r="A33" s="47" t="s">
        <v>41</v>
      </c>
      <c r="B33" s="50"/>
      <c r="C33" s="50"/>
      <c r="D33" s="51"/>
      <c r="E33" s="8" t="s">
        <v>180</v>
      </c>
      <c r="F33" s="22" t="s">
        <v>4</v>
      </c>
      <c r="G33" s="12"/>
    </row>
    <row r="34" spans="1:7" s="24" customFormat="1" ht="22.95" customHeight="1" x14ac:dyDescent="0.25">
      <c r="A34" s="44" t="s">
        <v>42</v>
      </c>
      <c r="B34" s="45"/>
      <c r="C34" s="45"/>
      <c r="D34" s="45"/>
      <c r="E34" s="46"/>
      <c r="F34" s="23"/>
      <c r="G34" s="26"/>
    </row>
    <row r="35" spans="1:7" ht="99" customHeight="1" x14ac:dyDescent="0.25">
      <c r="A35" s="47" t="s">
        <v>185</v>
      </c>
      <c r="B35" s="50"/>
      <c r="C35" s="50"/>
      <c r="D35" s="51"/>
      <c r="E35" s="8" t="s">
        <v>180</v>
      </c>
      <c r="F35" s="9" t="s">
        <v>3</v>
      </c>
      <c r="G35" s="59" t="s">
        <v>172</v>
      </c>
    </row>
    <row r="36" spans="1:7" ht="139.94999999999999" customHeight="1" x14ac:dyDescent="0.25">
      <c r="A36" s="47" t="s">
        <v>43</v>
      </c>
      <c r="B36" s="50"/>
      <c r="C36" s="50"/>
      <c r="D36" s="51"/>
      <c r="E36" s="8" t="s">
        <v>180</v>
      </c>
      <c r="F36" s="9" t="s">
        <v>3</v>
      </c>
      <c r="G36" s="60"/>
    </row>
    <row r="37" spans="1:7" ht="83.4" customHeight="1" x14ac:dyDescent="0.25">
      <c r="A37" s="47" t="s">
        <v>44</v>
      </c>
      <c r="B37" s="50"/>
      <c r="C37" s="50"/>
      <c r="D37" s="51"/>
      <c r="E37" s="8" t="s">
        <v>180</v>
      </c>
      <c r="F37" s="9" t="s">
        <v>3</v>
      </c>
      <c r="G37" s="20" t="s">
        <v>45</v>
      </c>
    </row>
    <row r="38" spans="1:7" ht="93" customHeight="1" x14ac:dyDescent="0.25">
      <c r="A38" s="47" t="s">
        <v>186</v>
      </c>
      <c r="B38" s="48"/>
      <c r="C38" s="48"/>
      <c r="D38" s="49"/>
      <c r="E38" s="8" t="s">
        <v>180</v>
      </c>
      <c r="F38" s="9" t="s">
        <v>3</v>
      </c>
      <c r="G38" s="20" t="s">
        <v>46</v>
      </c>
    </row>
    <row r="39" spans="1:7" ht="143.4" customHeight="1" x14ac:dyDescent="0.25">
      <c r="A39" s="64" t="s">
        <v>155</v>
      </c>
      <c r="B39" s="65"/>
      <c r="C39" s="65"/>
      <c r="D39" s="66"/>
      <c r="E39" s="8" t="s">
        <v>180</v>
      </c>
      <c r="F39" s="27" t="s">
        <v>3</v>
      </c>
      <c r="G39" s="28" t="s">
        <v>48</v>
      </c>
    </row>
    <row r="40" spans="1:7" ht="153" customHeight="1" x14ac:dyDescent="0.25">
      <c r="A40" s="67" t="s">
        <v>156</v>
      </c>
      <c r="B40" s="68"/>
      <c r="C40" s="68"/>
      <c r="D40" s="69"/>
      <c r="E40" s="8" t="s">
        <v>180</v>
      </c>
      <c r="F40" s="39" t="s">
        <v>3</v>
      </c>
      <c r="G40" s="40"/>
    </row>
    <row r="41" spans="1:7" s="24" customFormat="1" ht="24" customHeight="1" x14ac:dyDescent="0.25">
      <c r="A41" s="44" t="s">
        <v>47</v>
      </c>
      <c r="B41" s="45"/>
      <c r="C41" s="45"/>
      <c r="D41" s="45"/>
      <c r="E41" s="46"/>
      <c r="F41" s="23"/>
      <c r="G41" s="13"/>
    </row>
    <row r="42" spans="1:7" ht="42" customHeight="1" x14ac:dyDescent="0.25">
      <c r="A42" s="47" t="s">
        <v>157</v>
      </c>
      <c r="B42" s="50"/>
      <c r="C42" s="50"/>
      <c r="D42" s="51"/>
      <c r="E42" s="8" t="s">
        <v>180</v>
      </c>
      <c r="F42" s="9" t="s">
        <v>3</v>
      </c>
      <c r="G42" s="12"/>
    </row>
    <row r="43" spans="1:7" ht="104.4" customHeight="1" x14ac:dyDescent="0.25">
      <c r="A43" s="47" t="s">
        <v>158</v>
      </c>
      <c r="B43" s="48"/>
      <c r="C43" s="48"/>
      <c r="D43" s="49"/>
      <c r="E43" s="8" t="s">
        <v>180</v>
      </c>
      <c r="F43" s="22" t="s">
        <v>4</v>
      </c>
      <c r="G43" s="20" t="s">
        <v>49</v>
      </c>
    </row>
    <row r="44" spans="1:7" ht="29.4" customHeight="1" x14ac:dyDescent="0.25">
      <c r="A44" s="61"/>
      <c r="B44" s="62"/>
      <c r="C44" s="62"/>
      <c r="D44" s="62"/>
      <c r="E44" s="63"/>
      <c r="F44" s="25" t="s">
        <v>0</v>
      </c>
      <c r="G44" s="5" t="s">
        <v>8</v>
      </c>
    </row>
    <row r="45" spans="1:7" s="21" customFormat="1" ht="24" customHeight="1" x14ac:dyDescent="0.25">
      <c r="A45" s="44" t="s">
        <v>50</v>
      </c>
      <c r="B45" s="45"/>
      <c r="C45" s="45"/>
      <c r="D45" s="45"/>
      <c r="E45" s="46"/>
      <c r="F45" s="23"/>
      <c r="G45" s="13"/>
    </row>
    <row r="46" spans="1:7" ht="58.2" customHeight="1" x14ac:dyDescent="0.25">
      <c r="A46" s="47" t="s">
        <v>159</v>
      </c>
      <c r="B46" s="50"/>
      <c r="C46" s="50"/>
      <c r="D46" s="51"/>
      <c r="E46" s="8" t="s">
        <v>180</v>
      </c>
      <c r="F46" s="9" t="s">
        <v>3</v>
      </c>
      <c r="G46" s="12"/>
    </row>
    <row r="47" spans="1:7" ht="52.2" customHeight="1" x14ac:dyDescent="0.25">
      <c r="A47" s="47" t="s">
        <v>160</v>
      </c>
      <c r="B47" s="50"/>
      <c r="C47" s="50"/>
      <c r="D47" s="51"/>
      <c r="E47" s="8" t="s">
        <v>180</v>
      </c>
      <c r="F47" s="9" t="s">
        <v>3</v>
      </c>
      <c r="G47" s="72" t="s">
        <v>51</v>
      </c>
    </row>
    <row r="48" spans="1:7" ht="39" customHeight="1" x14ac:dyDescent="0.25">
      <c r="A48" s="55" t="s">
        <v>161</v>
      </c>
      <c r="B48" s="70"/>
      <c r="C48" s="70"/>
      <c r="D48" s="71"/>
      <c r="E48" s="8" t="s">
        <v>180</v>
      </c>
      <c r="F48" s="9" t="s">
        <v>3</v>
      </c>
      <c r="G48" s="73"/>
    </row>
    <row r="49" spans="1:8" ht="95.4" customHeight="1" x14ac:dyDescent="0.25">
      <c r="A49" s="55" t="s">
        <v>52</v>
      </c>
      <c r="B49" s="56"/>
      <c r="C49" s="56"/>
      <c r="D49" s="57"/>
      <c r="E49" s="8" t="s">
        <v>180</v>
      </c>
      <c r="F49" s="9" t="s">
        <v>3</v>
      </c>
      <c r="G49" s="60"/>
    </row>
    <row r="50" spans="1:8" ht="37.950000000000003" customHeight="1" x14ac:dyDescent="0.25">
      <c r="A50" s="47" t="s">
        <v>53</v>
      </c>
      <c r="B50" s="50"/>
      <c r="C50" s="50"/>
      <c r="D50" s="51"/>
      <c r="E50" s="8" t="s">
        <v>180</v>
      </c>
      <c r="F50" s="9" t="s">
        <v>3</v>
      </c>
      <c r="G50" s="12"/>
    </row>
    <row r="51" spans="1:8" ht="33.6" customHeight="1" x14ac:dyDescent="0.25">
      <c r="A51" s="47" t="s">
        <v>54</v>
      </c>
      <c r="B51" s="48"/>
      <c r="C51" s="48"/>
      <c r="D51" s="49"/>
      <c r="E51" s="8" t="s">
        <v>180</v>
      </c>
      <c r="F51" s="9" t="s">
        <v>3</v>
      </c>
      <c r="G51" s="10"/>
    </row>
    <row r="52" spans="1:8" ht="49.95" customHeight="1" x14ac:dyDescent="0.25">
      <c r="A52" s="47" t="s">
        <v>55</v>
      </c>
      <c r="B52" s="50"/>
      <c r="C52" s="50"/>
      <c r="D52" s="51"/>
      <c r="E52" s="8" t="s">
        <v>180</v>
      </c>
      <c r="F52" s="22" t="s">
        <v>4</v>
      </c>
      <c r="G52" s="12"/>
    </row>
    <row r="53" spans="1:8" ht="49.5" customHeight="1" x14ac:dyDescent="0.25">
      <c r="A53" s="47" t="s">
        <v>56</v>
      </c>
      <c r="B53" s="50"/>
      <c r="C53" s="50"/>
      <c r="D53" s="51"/>
      <c r="E53" s="8" t="s">
        <v>180</v>
      </c>
      <c r="F53" s="22" t="s">
        <v>4</v>
      </c>
      <c r="G53" s="12"/>
    </row>
    <row r="54" spans="1:8" ht="22.95" customHeight="1" x14ac:dyDescent="0.25">
      <c r="A54" s="54" t="s">
        <v>57</v>
      </c>
      <c r="B54" s="54"/>
      <c r="C54" s="54"/>
      <c r="D54" s="54"/>
      <c r="E54" s="54"/>
      <c r="F54" s="54"/>
      <c r="G54" s="54"/>
      <c r="H54" s="4"/>
    </row>
    <row r="55" spans="1:8" ht="29.4" customHeight="1" x14ac:dyDescent="0.25">
      <c r="A55" s="41"/>
      <c r="B55" s="42"/>
      <c r="C55" s="42"/>
      <c r="D55" s="42"/>
      <c r="E55" s="43"/>
      <c r="F55" s="25" t="s">
        <v>0</v>
      </c>
      <c r="G55" s="5" t="s">
        <v>8</v>
      </c>
      <c r="H55" s="6"/>
    </row>
    <row r="56" spans="1:8" s="21" customFormat="1" ht="23.4" customHeight="1" x14ac:dyDescent="0.25">
      <c r="A56" s="44" t="s">
        <v>58</v>
      </c>
      <c r="B56" s="45"/>
      <c r="C56" s="45"/>
      <c r="D56" s="45"/>
      <c r="E56" s="46"/>
      <c r="F56" s="13"/>
      <c r="G56" s="13"/>
      <c r="H56" s="29"/>
    </row>
    <row r="57" spans="1:8" ht="40.5" customHeight="1" x14ac:dyDescent="0.25">
      <c r="A57" s="47" t="s">
        <v>60</v>
      </c>
      <c r="B57" s="50"/>
      <c r="C57" s="50"/>
      <c r="D57" s="51"/>
      <c r="E57" s="8" t="s">
        <v>180</v>
      </c>
      <c r="F57" s="9" t="s">
        <v>3</v>
      </c>
      <c r="G57" s="12"/>
      <c r="H57" s="11"/>
    </row>
    <row r="58" spans="1:8" ht="52.2" customHeight="1" x14ac:dyDescent="0.25">
      <c r="A58" s="47" t="s">
        <v>162</v>
      </c>
      <c r="B58" s="50"/>
      <c r="C58" s="50"/>
      <c r="D58" s="51"/>
      <c r="E58" s="8" t="s">
        <v>180</v>
      </c>
      <c r="F58" s="9" t="s">
        <v>3</v>
      </c>
      <c r="G58" s="12"/>
      <c r="H58" s="11"/>
    </row>
    <row r="59" spans="1:8" ht="52.95" customHeight="1" x14ac:dyDescent="0.25">
      <c r="A59" s="47" t="s">
        <v>61</v>
      </c>
      <c r="B59" s="48"/>
      <c r="C59" s="48"/>
      <c r="D59" s="49"/>
      <c r="E59" s="8" t="s">
        <v>180</v>
      </c>
      <c r="F59" s="9" t="s">
        <v>3</v>
      </c>
      <c r="G59" s="12"/>
      <c r="H59" s="11"/>
    </row>
    <row r="60" spans="1:8" ht="52.95" customHeight="1" x14ac:dyDescent="0.25">
      <c r="A60" s="47" t="s">
        <v>62</v>
      </c>
      <c r="B60" s="48"/>
      <c r="C60" s="48"/>
      <c r="D60" s="49"/>
      <c r="E60" s="8" t="s">
        <v>180</v>
      </c>
      <c r="F60" s="9" t="s">
        <v>3</v>
      </c>
      <c r="G60" s="20" t="s">
        <v>163</v>
      </c>
      <c r="H60" s="11"/>
    </row>
    <row r="61" spans="1:8" ht="50.4" customHeight="1" x14ac:dyDescent="0.25">
      <c r="A61" s="47" t="s">
        <v>164</v>
      </c>
      <c r="B61" s="48"/>
      <c r="C61" s="48"/>
      <c r="D61" s="49"/>
      <c r="E61" s="8" t="s">
        <v>180</v>
      </c>
      <c r="F61" s="9" t="s">
        <v>3</v>
      </c>
      <c r="G61" s="10"/>
      <c r="H61" s="6"/>
    </row>
    <row r="62" spans="1:8" ht="51" customHeight="1" x14ac:dyDescent="0.25">
      <c r="A62" s="47" t="s">
        <v>63</v>
      </c>
      <c r="B62" s="50"/>
      <c r="C62" s="50"/>
      <c r="D62" s="51"/>
      <c r="E62" s="8" t="s">
        <v>180</v>
      </c>
      <c r="F62" s="9" t="s">
        <v>3</v>
      </c>
      <c r="G62" s="12"/>
      <c r="H62" s="11"/>
    </row>
    <row r="63" spans="1:8" ht="33.6" customHeight="1" x14ac:dyDescent="0.25">
      <c r="A63" s="47" t="s">
        <v>64</v>
      </c>
      <c r="B63" s="50"/>
      <c r="C63" s="50"/>
      <c r="D63" s="51"/>
      <c r="E63" s="8" t="s">
        <v>180</v>
      </c>
      <c r="F63" s="22" t="s">
        <v>4</v>
      </c>
      <c r="G63" s="12"/>
      <c r="H63" s="11"/>
    </row>
    <row r="64" spans="1:8" s="24" customFormat="1" ht="24" customHeight="1" x14ac:dyDescent="0.25">
      <c r="A64" s="44" t="s">
        <v>59</v>
      </c>
      <c r="B64" s="45"/>
      <c r="C64" s="45"/>
      <c r="D64" s="46"/>
      <c r="E64" s="13"/>
      <c r="F64" s="13"/>
      <c r="G64" s="13"/>
      <c r="H64" s="29"/>
    </row>
    <row r="65" spans="1:8" ht="67.2" customHeight="1" x14ac:dyDescent="0.25">
      <c r="A65" s="47" t="s">
        <v>66</v>
      </c>
      <c r="B65" s="50"/>
      <c r="C65" s="50"/>
      <c r="D65" s="51"/>
      <c r="E65" s="8" t="s">
        <v>180</v>
      </c>
      <c r="F65" s="9" t="s">
        <v>3</v>
      </c>
      <c r="G65" s="20" t="s">
        <v>67</v>
      </c>
      <c r="H65" s="11"/>
    </row>
    <row r="66" spans="1:8" ht="133.94999999999999" customHeight="1" x14ac:dyDescent="0.25">
      <c r="A66" s="47" t="s">
        <v>68</v>
      </c>
      <c r="B66" s="50"/>
      <c r="C66" s="50"/>
      <c r="D66" s="51"/>
      <c r="E66" s="8" t="s">
        <v>180</v>
      </c>
      <c r="F66" s="9" t="s">
        <v>3</v>
      </c>
      <c r="G66" s="20" t="s">
        <v>69</v>
      </c>
      <c r="H66" s="11"/>
    </row>
    <row r="67" spans="1:8" s="21" customFormat="1" ht="24" customHeight="1" x14ac:dyDescent="0.25">
      <c r="A67" s="44" t="s">
        <v>65</v>
      </c>
      <c r="B67" s="45"/>
      <c r="C67" s="45"/>
      <c r="D67" s="46"/>
      <c r="E67" s="13"/>
      <c r="F67" s="13"/>
      <c r="G67" s="13"/>
      <c r="H67" s="29"/>
    </row>
    <row r="68" spans="1:8" ht="70.2" customHeight="1" x14ac:dyDescent="0.25">
      <c r="A68" s="47" t="s">
        <v>71</v>
      </c>
      <c r="B68" s="48"/>
      <c r="C68" s="48"/>
      <c r="D68" s="49"/>
      <c r="E68" s="8" t="s">
        <v>180</v>
      </c>
      <c r="F68" s="9" t="s">
        <v>3</v>
      </c>
      <c r="G68" s="20" t="s">
        <v>70</v>
      </c>
      <c r="H68" s="11"/>
    </row>
    <row r="69" spans="1:8" ht="52.95" customHeight="1" x14ac:dyDescent="0.25">
      <c r="A69" s="47" t="s">
        <v>73</v>
      </c>
      <c r="B69" s="50"/>
      <c r="C69" s="50"/>
      <c r="D69" s="51"/>
      <c r="E69" s="8" t="s">
        <v>2</v>
      </c>
      <c r="F69" s="9" t="s">
        <v>184</v>
      </c>
      <c r="G69" s="12"/>
    </row>
    <row r="70" spans="1:8" s="21" customFormat="1" ht="24" customHeight="1" x14ac:dyDescent="0.25">
      <c r="A70" s="44" t="s">
        <v>72</v>
      </c>
      <c r="B70" s="45"/>
      <c r="C70" s="45"/>
      <c r="D70" s="46"/>
      <c r="E70" s="13"/>
      <c r="F70" s="13"/>
      <c r="G70" s="13"/>
    </row>
    <row r="71" spans="1:8" ht="121.2" customHeight="1" x14ac:dyDescent="0.25">
      <c r="A71" s="47" t="s">
        <v>74</v>
      </c>
      <c r="B71" s="50"/>
      <c r="C71" s="50"/>
      <c r="D71" s="51"/>
      <c r="E71" s="8" t="s">
        <v>180</v>
      </c>
      <c r="F71" s="9" t="s">
        <v>3</v>
      </c>
      <c r="G71" s="12"/>
    </row>
    <row r="72" spans="1:8" ht="49.95" customHeight="1" x14ac:dyDescent="0.25">
      <c r="A72" s="47" t="s">
        <v>75</v>
      </c>
      <c r="B72" s="50"/>
      <c r="C72" s="50"/>
      <c r="D72" s="51"/>
      <c r="E72" s="8" t="s">
        <v>180</v>
      </c>
      <c r="F72" s="9" t="s">
        <v>3</v>
      </c>
      <c r="G72" s="12"/>
    </row>
    <row r="73" spans="1:8" ht="34.200000000000003" customHeight="1" x14ac:dyDescent="0.25">
      <c r="A73" s="15"/>
      <c r="B73" s="77" t="s">
        <v>173</v>
      </c>
      <c r="C73" s="78"/>
      <c r="D73" s="79"/>
      <c r="E73" s="16"/>
      <c r="F73" s="17"/>
      <c r="G73" s="16"/>
    </row>
    <row r="74" spans="1:8" ht="49.95" customHeight="1" x14ac:dyDescent="0.25">
      <c r="A74" s="31"/>
      <c r="B74" s="47" t="s">
        <v>76</v>
      </c>
      <c r="C74" s="50"/>
      <c r="D74" s="51"/>
      <c r="E74" s="8" t="s">
        <v>180</v>
      </c>
      <c r="F74" s="9" t="s">
        <v>3</v>
      </c>
      <c r="G74" s="20" t="s">
        <v>77</v>
      </c>
    </row>
    <row r="75" spans="1:8" ht="50.4" customHeight="1" x14ac:dyDescent="0.25">
      <c r="A75" s="31"/>
      <c r="B75" s="47" t="s">
        <v>79</v>
      </c>
      <c r="C75" s="48"/>
      <c r="D75" s="49"/>
      <c r="E75" s="8" t="s">
        <v>180</v>
      </c>
      <c r="F75" s="9" t="s">
        <v>3</v>
      </c>
      <c r="G75" s="10"/>
    </row>
    <row r="76" spans="1:8" ht="49.95" customHeight="1" x14ac:dyDescent="0.25">
      <c r="A76" s="31"/>
      <c r="B76" s="55" t="s">
        <v>80</v>
      </c>
      <c r="C76" s="56"/>
      <c r="D76" s="57"/>
      <c r="E76" s="8" t="s">
        <v>180</v>
      </c>
      <c r="F76" s="9" t="s">
        <v>3</v>
      </c>
      <c r="G76" s="20" t="s">
        <v>78</v>
      </c>
    </row>
    <row r="77" spans="1:8" ht="29.4" customHeight="1" x14ac:dyDescent="0.25">
      <c r="A77" s="41"/>
      <c r="B77" s="42"/>
      <c r="C77" s="42"/>
      <c r="D77" s="42"/>
      <c r="E77" s="43"/>
      <c r="F77" s="25" t="s">
        <v>0</v>
      </c>
      <c r="G77" s="5" t="s">
        <v>8</v>
      </c>
    </row>
    <row r="78" spans="1:8" ht="34.200000000000003" customHeight="1" x14ac:dyDescent="0.25">
      <c r="A78" s="31"/>
      <c r="B78" s="74" t="s">
        <v>174</v>
      </c>
      <c r="C78" s="75"/>
      <c r="D78" s="76"/>
      <c r="E78" s="16"/>
      <c r="F78" s="16"/>
      <c r="G78" s="16"/>
    </row>
    <row r="79" spans="1:8" ht="63" customHeight="1" x14ac:dyDescent="0.25">
      <c r="A79" s="31"/>
      <c r="B79" s="47" t="s">
        <v>81</v>
      </c>
      <c r="C79" s="50"/>
      <c r="D79" s="51"/>
      <c r="E79" s="8" t="s">
        <v>180</v>
      </c>
      <c r="F79" s="9" t="s">
        <v>3</v>
      </c>
      <c r="G79" s="12"/>
    </row>
    <row r="80" spans="1:8" ht="35.4" customHeight="1" x14ac:dyDescent="0.25">
      <c r="A80" s="31"/>
      <c r="B80" s="47" t="s">
        <v>82</v>
      </c>
      <c r="C80" s="48"/>
      <c r="D80" s="49"/>
      <c r="E80" s="8" t="s">
        <v>180</v>
      </c>
      <c r="F80" s="9" t="s">
        <v>3</v>
      </c>
      <c r="G80" s="10"/>
    </row>
    <row r="81" spans="1:7" ht="40.5" customHeight="1" x14ac:dyDescent="0.25">
      <c r="A81" s="32"/>
      <c r="B81" s="55" t="s">
        <v>83</v>
      </c>
      <c r="C81" s="56"/>
      <c r="D81" s="57"/>
      <c r="E81" s="8" t="s">
        <v>180</v>
      </c>
      <c r="F81" s="9" t="s">
        <v>3</v>
      </c>
      <c r="G81" s="12"/>
    </row>
    <row r="82" spans="1:7" s="21" customFormat="1" ht="22.95" customHeight="1" x14ac:dyDescent="0.25">
      <c r="A82" s="44" t="s">
        <v>84</v>
      </c>
      <c r="B82" s="45"/>
      <c r="C82" s="45"/>
      <c r="D82" s="46"/>
      <c r="E82" s="13"/>
      <c r="F82" s="13"/>
      <c r="G82" s="13"/>
    </row>
    <row r="83" spans="1:7" ht="22.95" customHeight="1" x14ac:dyDescent="0.25">
      <c r="A83" s="18"/>
      <c r="B83" s="80" t="s">
        <v>85</v>
      </c>
      <c r="C83" s="81"/>
      <c r="D83" s="82"/>
      <c r="E83" s="17"/>
      <c r="F83" s="17"/>
      <c r="G83" s="17"/>
    </row>
    <row r="84" spans="1:7" ht="62.4" customHeight="1" x14ac:dyDescent="0.25">
      <c r="A84" s="19"/>
      <c r="B84" s="83" t="s">
        <v>165</v>
      </c>
      <c r="C84" s="84"/>
      <c r="D84" s="85"/>
      <c r="E84" s="8" t="s">
        <v>180</v>
      </c>
      <c r="F84" s="9" t="s">
        <v>3</v>
      </c>
      <c r="G84" s="20" t="s">
        <v>86</v>
      </c>
    </row>
    <row r="85" spans="1:7" ht="24" customHeight="1" x14ac:dyDescent="0.25">
      <c r="A85" s="86"/>
      <c r="B85" s="87"/>
      <c r="C85" s="88" t="s">
        <v>87</v>
      </c>
      <c r="D85" s="89"/>
      <c r="E85" s="17"/>
      <c r="F85" s="17"/>
      <c r="G85" s="17"/>
    </row>
    <row r="86" spans="1:7" ht="64.95" customHeight="1" x14ac:dyDescent="0.25">
      <c r="A86" s="90"/>
      <c r="B86" s="91"/>
      <c r="C86" s="47" t="s">
        <v>166</v>
      </c>
      <c r="D86" s="49"/>
      <c r="E86" s="8" t="s">
        <v>180</v>
      </c>
      <c r="F86" s="9" t="s">
        <v>3</v>
      </c>
      <c r="G86" s="20" t="s">
        <v>88</v>
      </c>
    </row>
    <row r="87" spans="1:7" ht="50.4" customHeight="1" x14ac:dyDescent="0.25">
      <c r="A87" s="92"/>
      <c r="B87" s="93"/>
      <c r="C87" s="55" t="s">
        <v>89</v>
      </c>
      <c r="D87" s="71"/>
      <c r="E87" s="8" t="s">
        <v>180</v>
      </c>
      <c r="F87" s="9" t="s">
        <v>3</v>
      </c>
      <c r="G87" s="30"/>
    </row>
    <row r="88" spans="1:7" ht="118.2" customHeight="1" x14ac:dyDescent="0.25">
      <c r="A88" s="92"/>
      <c r="B88" s="93"/>
      <c r="C88" s="47" t="s">
        <v>90</v>
      </c>
      <c r="D88" s="49"/>
      <c r="E88" s="8" t="s">
        <v>180</v>
      </c>
      <c r="F88" s="9" t="s">
        <v>3</v>
      </c>
      <c r="G88" s="20" t="s">
        <v>91</v>
      </c>
    </row>
    <row r="89" spans="1:7" ht="40.5" customHeight="1" x14ac:dyDescent="0.25">
      <c r="A89" s="92"/>
      <c r="B89" s="93"/>
      <c r="C89" s="55" t="s">
        <v>92</v>
      </c>
      <c r="D89" s="57"/>
      <c r="E89" s="8" t="s">
        <v>180</v>
      </c>
      <c r="F89" s="9" t="s">
        <v>3</v>
      </c>
      <c r="G89" s="12"/>
    </row>
    <row r="90" spans="1:7" ht="79.2" customHeight="1" x14ac:dyDescent="0.25">
      <c r="A90" s="92"/>
      <c r="B90" s="93"/>
      <c r="C90" s="47" t="s">
        <v>93</v>
      </c>
      <c r="D90" s="51"/>
      <c r="E90" s="8" t="s">
        <v>180</v>
      </c>
      <c r="F90" s="9" t="s">
        <v>3</v>
      </c>
      <c r="G90" s="12"/>
    </row>
    <row r="91" spans="1:7" ht="76.95" customHeight="1" x14ac:dyDescent="0.25">
      <c r="A91" s="92"/>
      <c r="B91" s="93"/>
      <c r="C91" s="47" t="s">
        <v>95</v>
      </c>
      <c r="D91" s="51"/>
      <c r="E91" s="8" t="s">
        <v>180</v>
      </c>
      <c r="F91" s="9" t="s">
        <v>3</v>
      </c>
      <c r="G91" s="20" t="s">
        <v>94</v>
      </c>
    </row>
    <row r="92" spans="1:7" ht="95.4" customHeight="1" x14ac:dyDescent="0.25">
      <c r="A92" s="92"/>
      <c r="B92" s="93"/>
      <c r="C92" s="47" t="s">
        <v>167</v>
      </c>
      <c r="D92" s="51"/>
      <c r="E92" s="8" t="s">
        <v>180</v>
      </c>
      <c r="F92" s="9" t="s">
        <v>3</v>
      </c>
      <c r="G92" s="12"/>
    </row>
    <row r="93" spans="1:7" ht="34.200000000000003" customHeight="1" x14ac:dyDescent="0.25">
      <c r="A93" s="92"/>
      <c r="B93" s="93"/>
      <c r="C93" s="47" t="s">
        <v>96</v>
      </c>
      <c r="D93" s="49"/>
      <c r="E93" s="8" t="s">
        <v>180</v>
      </c>
      <c r="F93" s="9" t="s">
        <v>3</v>
      </c>
      <c r="G93" s="10"/>
    </row>
    <row r="94" spans="1:7" ht="34.200000000000003" customHeight="1" x14ac:dyDescent="0.25">
      <c r="A94" s="92"/>
      <c r="B94" s="93"/>
      <c r="C94" s="47" t="s">
        <v>97</v>
      </c>
      <c r="D94" s="51"/>
      <c r="E94" s="8" t="s">
        <v>2</v>
      </c>
      <c r="F94" s="22" t="s">
        <v>4</v>
      </c>
      <c r="G94" s="12"/>
    </row>
    <row r="95" spans="1:7" ht="49.95" customHeight="1" x14ac:dyDescent="0.25">
      <c r="A95" s="92"/>
      <c r="B95" s="93"/>
      <c r="C95" s="47" t="s">
        <v>98</v>
      </c>
      <c r="D95" s="51"/>
      <c r="E95" s="8" t="s">
        <v>180</v>
      </c>
      <c r="F95" s="9" t="s">
        <v>3</v>
      </c>
      <c r="G95" s="12"/>
    </row>
    <row r="96" spans="1:7" ht="50.7" customHeight="1" x14ac:dyDescent="0.25">
      <c r="A96" s="92"/>
      <c r="B96" s="93"/>
      <c r="C96" s="47" t="s">
        <v>99</v>
      </c>
      <c r="D96" s="51"/>
      <c r="E96" s="8" t="s">
        <v>180</v>
      </c>
      <c r="F96" s="9" t="s">
        <v>3</v>
      </c>
      <c r="G96" s="12"/>
    </row>
    <row r="97" spans="1:7" ht="40.5" customHeight="1" x14ac:dyDescent="0.25">
      <c r="A97" s="33"/>
      <c r="B97" s="34"/>
      <c r="C97" s="47" t="s">
        <v>101</v>
      </c>
      <c r="D97" s="51"/>
      <c r="E97" s="8" t="s">
        <v>180</v>
      </c>
      <c r="F97" s="9" t="s">
        <v>3</v>
      </c>
      <c r="G97" s="12"/>
    </row>
    <row r="98" spans="1:7" ht="56.4" customHeight="1" x14ac:dyDescent="0.25">
      <c r="A98" s="35"/>
      <c r="B98" s="36"/>
      <c r="C98" s="47" t="s">
        <v>102</v>
      </c>
      <c r="D98" s="49"/>
      <c r="E98" s="8" t="s">
        <v>180</v>
      </c>
      <c r="F98" s="9" t="s">
        <v>3</v>
      </c>
      <c r="G98" s="20" t="s">
        <v>100</v>
      </c>
    </row>
    <row r="99" spans="1:7" ht="80.400000000000006" customHeight="1" x14ac:dyDescent="0.25">
      <c r="A99" s="35"/>
      <c r="B99" s="36"/>
      <c r="C99" s="47" t="s">
        <v>103</v>
      </c>
      <c r="D99" s="51"/>
      <c r="E99" s="8" t="s">
        <v>180</v>
      </c>
      <c r="F99" s="9" t="s">
        <v>3</v>
      </c>
      <c r="G99" s="12"/>
    </row>
    <row r="100" spans="1:7" ht="29.4" customHeight="1" x14ac:dyDescent="0.25">
      <c r="A100" s="41"/>
      <c r="B100" s="42"/>
      <c r="C100" s="42"/>
      <c r="D100" s="42"/>
      <c r="E100" s="43"/>
      <c r="F100" s="25" t="s">
        <v>0</v>
      </c>
      <c r="G100" s="5" t="s">
        <v>8</v>
      </c>
    </row>
    <row r="101" spans="1:7" ht="51" customHeight="1" x14ac:dyDescent="0.25">
      <c r="A101" s="35"/>
      <c r="B101" s="36"/>
      <c r="C101" s="47" t="s">
        <v>104</v>
      </c>
      <c r="D101" s="51"/>
      <c r="E101" s="8" t="s">
        <v>180</v>
      </c>
      <c r="F101" s="9" t="s">
        <v>3</v>
      </c>
      <c r="G101" s="12"/>
    </row>
    <row r="102" spans="1:7" ht="67.2" customHeight="1" x14ac:dyDescent="0.25">
      <c r="A102" s="35"/>
      <c r="B102" s="36"/>
      <c r="C102" s="47" t="s">
        <v>105</v>
      </c>
      <c r="D102" s="51"/>
      <c r="E102" s="8" t="s">
        <v>180</v>
      </c>
      <c r="F102" s="9" t="s">
        <v>3</v>
      </c>
      <c r="G102" s="12"/>
    </row>
    <row r="103" spans="1:7" ht="93.6" customHeight="1" x14ac:dyDescent="0.25">
      <c r="A103" s="35"/>
      <c r="B103" s="36"/>
      <c r="C103" s="47" t="s">
        <v>106</v>
      </c>
      <c r="D103" s="51"/>
      <c r="E103" s="8" t="s">
        <v>180</v>
      </c>
      <c r="F103" s="22" t="s">
        <v>4</v>
      </c>
      <c r="G103" s="20" t="s">
        <v>107</v>
      </c>
    </row>
    <row r="104" spans="1:7" ht="51.6" customHeight="1" x14ac:dyDescent="0.25">
      <c r="A104" s="35"/>
      <c r="B104" s="36"/>
      <c r="C104" s="47" t="s">
        <v>108</v>
      </c>
      <c r="D104" s="51"/>
      <c r="E104" s="8" t="s">
        <v>180</v>
      </c>
      <c r="F104" s="9" t="s">
        <v>3</v>
      </c>
      <c r="G104" s="12"/>
    </row>
    <row r="105" spans="1:7" ht="75.599999999999994" customHeight="1" x14ac:dyDescent="0.25">
      <c r="A105" s="35"/>
      <c r="B105" s="36"/>
      <c r="C105" s="47" t="s">
        <v>109</v>
      </c>
      <c r="D105" s="51"/>
      <c r="E105" s="8" t="s">
        <v>180</v>
      </c>
      <c r="F105" s="9" t="s">
        <v>3</v>
      </c>
      <c r="G105" s="12"/>
    </row>
    <row r="106" spans="1:7" ht="67.2" customHeight="1" x14ac:dyDescent="0.25">
      <c r="A106" s="37"/>
      <c r="B106" s="38"/>
      <c r="C106" s="55" t="s">
        <v>110</v>
      </c>
      <c r="D106" s="57"/>
      <c r="E106" s="8" t="s">
        <v>180</v>
      </c>
      <c r="F106" s="9" t="s">
        <v>3</v>
      </c>
      <c r="G106" s="12"/>
    </row>
    <row r="107" spans="1:7" ht="49.95" customHeight="1" x14ac:dyDescent="0.25">
      <c r="A107" s="90"/>
      <c r="B107" s="91"/>
      <c r="C107" s="77" t="s">
        <v>175</v>
      </c>
      <c r="D107" s="79"/>
      <c r="E107" s="16"/>
      <c r="F107" s="16"/>
      <c r="G107" s="16"/>
    </row>
    <row r="108" spans="1:7" ht="49.95" customHeight="1" x14ac:dyDescent="0.25">
      <c r="A108" s="92"/>
      <c r="B108" s="93"/>
      <c r="C108" s="47" t="s">
        <v>111</v>
      </c>
      <c r="D108" s="51"/>
      <c r="E108" s="8" t="s">
        <v>180</v>
      </c>
      <c r="F108" s="9" t="s">
        <v>3</v>
      </c>
      <c r="G108" s="12"/>
    </row>
    <row r="109" spans="1:7" ht="49.95" customHeight="1" x14ac:dyDescent="0.25">
      <c r="A109" s="92"/>
      <c r="B109" s="93"/>
      <c r="C109" s="47" t="s">
        <v>112</v>
      </c>
      <c r="D109" s="51"/>
      <c r="E109" s="8" t="s">
        <v>180</v>
      </c>
      <c r="F109" s="9" t="s">
        <v>3</v>
      </c>
      <c r="G109" s="12"/>
    </row>
    <row r="110" spans="1:7" ht="47.4" customHeight="1" x14ac:dyDescent="0.25">
      <c r="A110" s="90"/>
      <c r="B110" s="91"/>
      <c r="C110" s="47" t="s">
        <v>114</v>
      </c>
      <c r="D110" s="49"/>
      <c r="E110" s="8" t="s">
        <v>180</v>
      </c>
      <c r="F110" s="9" t="s">
        <v>3</v>
      </c>
      <c r="G110" s="20" t="s">
        <v>113</v>
      </c>
    </row>
    <row r="111" spans="1:7" ht="36" customHeight="1" x14ac:dyDescent="0.25">
      <c r="A111" s="94"/>
      <c r="B111" s="95"/>
      <c r="C111" s="47" t="s">
        <v>115</v>
      </c>
      <c r="D111" s="49"/>
      <c r="E111" s="8" t="s">
        <v>180</v>
      </c>
      <c r="F111" s="9" t="s">
        <v>3</v>
      </c>
      <c r="G111" s="10"/>
    </row>
    <row r="112" spans="1:7" ht="49.95" customHeight="1" x14ac:dyDescent="0.25">
      <c r="A112" s="15"/>
      <c r="B112" s="77" t="s">
        <v>116</v>
      </c>
      <c r="C112" s="78"/>
      <c r="D112" s="79"/>
      <c r="E112" s="16"/>
      <c r="F112" s="17"/>
      <c r="G112" s="16"/>
    </row>
    <row r="113" spans="1:7" ht="49.95" customHeight="1" x14ac:dyDescent="0.25">
      <c r="A113" s="96"/>
      <c r="B113" s="47" t="s">
        <v>118</v>
      </c>
      <c r="C113" s="50"/>
      <c r="D113" s="51"/>
      <c r="E113" s="8" t="s">
        <v>180</v>
      </c>
      <c r="F113" s="9" t="s">
        <v>3</v>
      </c>
      <c r="G113" s="12"/>
    </row>
    <row r="114" spans="1:7" ht="79.95" customHeight="1" x14ac:dyDescent="0.25">
      <c r="A114" s="97"/>
      <c r="B114" s="47" t="s">
        <v>168</v>
      </c>
      <c r="C114" s="48"/>
      <c r="D114" s="49"/>
      <c r="E114" s="8" t="s">
        <v>180</v>
      </c>
      <c r="F114" s="9" t="s">
        <v>3</v>
      </c>
      <c r="G114" s="20" t="s">
        <v>117</v>
      </c>
    </row>
    <row r="115" spans="1:7" ht="24" customHeight="1" x14ac:dyDescent="0.25">
      <c r="A115" s="98"/>
      <c r="B115" s="99"/>
      <c r="C115" s="100" t="s">
        <v>119</v>
      </c>
      <c r="D115" s="101"/>
      <c r="E115" s="17"/>
      <c r="F115" s="17"/>
      <c r="G115" s="17"/>
    </row>
    <row r="116" spans="1:7" ht="49.95" customHeight="1" x14ac:dyDescent="0.25">
      <c r="A116" s="92"/>
      <c r="B116" s="93"/>
      <c r="C116" s="47" t="s">
        <v>120</v>
      </c>
      <c r="D116" s="51"/>
      <c r="E116" s="8" t="s">
        <v>180</v>
      </c>
      <c r="F116" s="9" t="s">
        <v>3</v>
      </c>
      <c r="G116" s="12"/>
    </row>
    <row r="117" spans="1:7" ht="49.95" customHeight="1" x14ac:dyDescent="0.25">
      <c r="A117" s="92"/>
      <c r="B117" s="93"/>
      <c r="C117" s="47" t="s">
        <v>121</v>
      </c>
      <c r="D117" s="51"/>
      <c r="E117" s="8" t="s">
        <v>180</v>
      </c>
      <c r="F117" s="9" t="s">
        <v>3</v>
      </c>
      <c r="G117" s="12"/>
    </row>
    <row r="118" spans="1:7" ht="76.95" customHeight="1" x14ac:dyDescent="0.25">
      <c r="A118" s="92"/>
      <c r="B118" s="93"/>
      <c r="C118" s="47" t="s">
        <v>122</v>
      </c>
      <c r="D118" s="51"/>
      <c r="E118" s="8" t="s">
        <v>180</v>
      </c>
      <c r="F118" s="9" t="s">
        <v>3</v>
      </c>
      <c r="G118" s="12"/>
    </row>
    <row r="119" spans="1:7" ht="49.95" customHeight="1" x14ac:dyDescent="0.25">
      <c r="A119" s="92"/>
      <c r="B119" s="93"/>
      <c r="C119" s="47" t="s">
        <v>123</v>
      </c>
      <c r="D119" s="51"/>
      <c r="E119" s="8" t="s">
        <v>180</v>
      </c>
      <c r="F119" s="9" t="s">
        <v>3</v>
      </c>
      <c r="G119" s="12"/>
    </row>
    <row r="120" spans="1:7" ht="40.5" customHeight="1" x14ac:dyDescent="0.25">
      <c r="A120" s="92"/>
      <c r="B120" s="93"/>
      <c r="C120" s="47" t="s">
        <v>124</v>
      </c>
      <c r="D120" s="51"/>
      <c r="E120" s="8" t="s">
        <v>180</v>
      </c>
      <c r="F120" s="9" t="s">
        <v>3</v>
      </c>
      <c r="G120" s="20" t="s">
        <v>5</v>
      </c>
    </row>
    <row r="121" spans="1:7" ht="54" customHeight="1" x14ac:dyDescent="0.25">
      <c r="A121" s="92"/>
      <c r="B121" s="93"/>
      <c r="C121" s="47" t="s">
        <v>125</v>
      </c>
      <c r="D121" s="49"/>
      <c r="E121" s="8" t="s">
        <v>180</v>
      </c>
      <c r="F121" s="9" t="s">
        <v>3</v>
      </c>
      <c r="G121" s="20" t="s">
        <v>126</v>
      </c>
    </row>
    <row r="122" spans="1:7" ht="119.25" customHeight="1" x14ac:dyDescent="0.25">
      <c r="A122" s="92"/>
      <c r="B122" s="93"/>
      <c r="C122" s="47" t="s">
        <v>176</v>
      </c>
      <c r="D122" s="49"/>
      <c r="E122" s="8" t="s">
        <v>180</v>
      </c>
      <c r="F122" s="9" t="s">
        <v>3</v>
      </c>
      <c r="G122" s="20" t="s">
        <v>127</v>
      </c>
    </row>
    <row r="123" spans="1:7" ht="29.4" customHeight="1" x14ac:dyDescent="0.25">
      <c r="A123" s="41"/>
      <c r="B123" s="42"/>
      <c r="C123" s="42"/>
      <c r="D123" s="42"/>
      <c r="E123" s="43"/>
      <c r="F123" s="25" t="s">
        <v>0</v>
      </c>
      <c r="G123" s="5" t="s">
        <v>8</v>
      </c>
    </row>
    <row r="124" spans="1:7" ht="40.5" customHeight="1" x14ac:dyDescent="0.25">
      <c r="A124" s="90"/>
      <c r="B124" s="91"/>
      <c r="C124" s="47" t="s">
        <v>128</v>
      </c>
      <c r="D124" s="51"/>
      <c r="E124" s="8" t="s">
        <v>180</v>
      </c>
      <c r="F124" s="9" t="s">
        <v>3</v>
      </c>
      <c r="G124" s="20" t="s">
        <v>5</v>
      </c>
    </row>
    <row r="125" spans="1:7" ht="67.2" customHeight="1" x14ac:dyDescent="0.25">
      <c r="A125" s="92"/>
      <c r="B125" s="93"/>
      <c r="C125" s="47" t="s">
        <v>129</v>
      </c>
      <c r="D125" s="51"/>
      <c r="E125" s="8" t="s">
        <v>180</v>
      </c>
      <c r="F125" s="9" t="s">
        <v>3</v>
      </c>
      <c r="G125" s="20" t="s">
        <v>5</v>
      </c>
    </row>
    <row r="126" spans="1:7" ht="60" customHeight="1" x14ac:dyDescent="0.25">
      <c r="A126" s="92"/>
      <c r="B126" s="93"/>
      <c r="C126" s="47" t="s">
        <v>130</v>
      </c>
      <c r="D126" s="49"/>
      <c r="E126" s="8" t="s">
        <v>180</v>
      </c>
      <c r="F126" s="9" t="s">
        <v>3</v>
      </c>
      <c r="G126" s="20" t="s">
        <v>131</v>
      </c>
    </row>
    <row r="127" spans="1:7" ht="40.5" customHeight="1" x14ac:dyDescent="0.25">
      <c r="A127" s="92"/>
      <c r="B127" s="93"/>
      <c r="C127" s="47" t="s">
        <v>132</v>
      </c>
      <c r="D127" s="51"/>
      <c r="E127" s="8" t="s">
        <v>180</v>
      </c>
      <c r="F127" s="9" t="s">
        <v>3</v>
      </c>
      <c r="G127" s="20" t="s">
        <v>5</v>
      </c>
    </row>
    <row r="128" spans="1:7" ht="34.200000000000003" customHeight="1" x14ac:dyDescent="0.25">
      <c r="A128" s="92"/>
      <c r="B128" s="93"/>
      <c r="C128" s="47" t="s">
        <v>133</v>
      </c>
      <c r="D128" s="49"/>
      <c r="E128" s="8" t="s">
        <v>180</v>
      </c>
      <c r="F128" s="9" t="s">
        <v>3</v>
      </c>
      <c r="G128" s="20" t="s">
        <v>5</v>
      </c>
    </row>
    <row r="129" spans="1:7" ht="51.6" customHeight="1" x14ac:dyDescent="0.25">
      <c r="A129" s="92"/>
      <c r="B129" s="93"/>
      <c r="C129" s="47" t="s">
        <v>134</v>
      </c>
      <c r="D129" s="51"/>
      <c r="E129" s="8" t="s">
        <v>180</v>
      </c>
      <c r="F129" s="22" t="s">
        <v>4</v>
      </c>
      <c r="G129" s="20" t="s">
        <v>5</v>
      </c>
    </row>
    <row r="130" spans="1:7" ht="49.95" customHeight="1" x14ac:dyDescent="0.25">
      <c r="A130" s="92"/>
      <c r="B130" s="93"/>
      <c r="C130" s="47" t="s">
        <v>135</v>
      </c>
      <c r="D130" s="51"/>
      <c r="E130" s="8" t="s">
        <v>180</v>
      </c>
      <c r="F130" s="9" t="s">
        <v>3</v>
      </c>
      <c r="G130" s="20" t="s">
        <v>5</v>
      </c>
    </row>
    <row r="131" spans="1:7" ht="34.200000000000003" customHeight="1" x14ac:dyDescent="0.25">
      <c r="A131" s="94"/>
      <c r="B131" s="95"/>
      <c r="C131" s="47" t="s">
        <v>136</v>
      </c>
      <c r="D131" s="49"/>
      <c r="E131" s="8" t="s">
        <v>180</v>
      </c>
      <c r="F131" s="9" t="s">
        <v>3</v>
      </c>
      <c r="G131" s="10"/>
    </row>
    <row r="132" spans="1:7" ht="93.6" customHeight="1" x14ac:dyDescent="0.25">
      <c r="A132" s="90"/>
      <c r="B132" s="91"/>
      <c r="C132" s="74" t="s">
        <v>137</v>
      </c>
      <c r="D132" s="76"/>
      <c r="E132" s="16"/>
      <c r="F132" s="16"/>
      <c r="G132" s="16"/>
    </row>
    <row r="133" spans="1:7" ht="40.5" customHeight="1" x14ac:dyDescent="0.25">
      <c r="A133" s="92"/>
      <c r="B133" s="93"/>
      <c r="C133" s="47" t="s">
        <v>138</v>
      </c>
      <c r="D133" s="51"/>
      <c r="E133" s="8" t="s">
        <v>180</v>
      </c>
      <c r="F133" s="9" t="s">
        <v>3</v>
      </c>
      <c r="G133" s="20" t="s">
        <v>5</v>
      </c>
    </row>
    <row r="134" spans="1:7" ht="52.95" customHeight="1" x14ac:dyDescent="0.25">
      <c r="A134" s="92"/>
      <c r="B134" s="93"/>
      <c r="C134" s="47" t="s">
        <v>169</v>
      </c>
      <c r="D134" s="51"/>
      <c r="E134" s="8" t="s">
        <v>180</v>
      </c>
      <c r="F134" s="9" t="s">
        <v>3</v>
      </c>
      <c r="G134" s="12"/>
    </row>
    <row r="135" spans="1:7" ht="40.5" customHeight="1" x14ac:dyDescent="0.25">
      <c r="A135" s="92"/>
      <c r="B135" s="93"/>
      <c r="C135" s="47" t="s">
        <v>139</v>
      </c>
      <c r="D135" s="51"/>
      <c r="E135" s="8" t="s">
        <v>180</v>
      </c>
      <c r="F135" s="9" t="s">
        <v>3</v>
      </c>
      <c r="G135" s="20" t="s">
        <v>5</v>
      </c>
    </row>
    <row r="136" spans="1:7" ht="140.4" customHeight="1" x14ac:dyDescent="0.25">
      <c r="A136" s="94"/>
      <c r="B136" s="95"/>
      <c r="C136" s="47" t="s">
        <v>140</v>
      </c>
      <c r="D136" s="49"/>
      <c r="E136" s="8" t="s">
        <v>180</v>
      </c>
      <c r="F136" s="22" t="s">
        <v>4</v>
      </c>
      <c r="G136" s="20" t="s">
        <v>141</v>
      </c>
    </row>
    <row r="137" spans="1:7" s="24" customFormat="1" ht="22.95" customHeight="1" x14ac:dyDescent="0.25">
      <c r="A137" s="44" t="s">
        <v>142</v>
      </c>
      <c r="B137" s="45"/>
      <c r="C137" s="45"/>
      <c r="D137" s="46"/>
      <c r="E137" s="13"/>
      <c r="F137" s="13"/>
      <c r="G137" s="13"/>
    </row>
    <row r="138" spans="1:7" s="24" customFormat="1" ht="22.95" customHeight="1" x14ac:dyDescent="0.25">
      <c r="A138" s="44" t="s">
        <v>143</v>
      </c>
      <c r="B138" s="45"/>
      <c r="C138" s="45"/>
      <c r="D138" s="46"/>
      <c r="E138" s="13"/>
      <c r="F138" s="13"/>
      <c r="G138" s="13"/>
    </row>
    <row r="139" spans="1:7" ht="49.95" customHeight="1" x14ac:dyDescent="0.25">
      <c r="A139" s="47" t="s">
        <v>144</v>
      </c>
      <c r="B139" s="50"/>
      <c r="C139" s="50"/>
      <c r="D139" s="51"/>
      <c r="E139" s="8" t="s">
        <v>180</v>
      </c>
      <c r="F139" s="9" t="s">
        <v>3</v>
      </c>
      <c r="G139" s="12"/>
    </row>
    <row r="140" spans="1:7" ht="49.95" customHeight="1" x14ac:dyDescent="0.25">
      <c r="A140" s="47" t="s">
        <v>145</v>
      </c>
      <c r="B140" s="50"/>
      <c r="C140" s="50"/>
      <c r="D140" s="51"/>
      <c r="E140" s="8" t="s">
        <v>180</v>
      </c>
      <c r="F140" s="22" t="s">
        <v>4</v>
      </c>
      <c r="G140" s="12"/>
    </row>
    <row r="141" spans="1:7" ht="82.95" customHeight="1" x14ac:dyDescent="0.25">
      <c r="A141" s="47" t="s">
        <v>177</v>
      </c>
      <c r="B141" s="50"/>
      <c r="C141" s="50"/>
      <c r="D141" s="51"/>
      <c r="E141" s="8" t="s">
        <v>180</v>
      </c>
      <c r="F141" s="22" t="s">
        <v>4</v>
      </c>
      <c r="G141" s="12"/>
    </row>
    <row r="142" spans="1:7" s="24" customFormat="1" ht="24" customHeight="1" x14ac:dyDescent="0.25">
      <c r="A142" s="44" t="s">
        <v>146</v>
      </c>
      <c r="B142" s="45"/>
      <c r="C142" s="45"/>
      <c r="D142" s="46"/>
      <c r="E142" s="13"/>
      <c r="F142" s="13"/>
      <c r="G142" s="13"/>
    </row>
    <row r="143" spans="1:7" ht="49.95" customHeight="1" x14ac:dyDescent="0.25">
      <c r="A143" s="47" t="s">
        <v>147</v>
      </c>
      <c r="B143" s="50"/>
      <c r="C143" s="50"/>
      <c r="D143" s="51"/>
      <c r="E143" s="8" t="s">
        <v>180</v>
      </c>
      <c r="F143" s="22" t="s">
        <v>4</v>
      </c>
      <c r="G143" s="12"/>
    </row>
    <row r="144" spans="1:7" ht="81.599999999999994" customHeight="1" x14ac:dyDescent="0.25">
      <c r="A144" s="47" t="s">
        <v>178</v>
      </c>
      <c r="B144" s="50"/>
      <c r="C144" s="50"/>
      <c r="D144" s="51"/>
      <c r="E144" s="8" t="s">
        <v>180</v>
      </c>
      <c r="F144" s="9" t="s">
        <v>3</v>
      </c>
      <c r="G144" s="12"/>
    </row>
    <row r="145" spans="1:7" s="24" customFormat="1" ht="22.95" customHeight="1" x14ac:dyDescent="0.25">
      <c r="A145" s="44" t="s">
        <v>148</v>
      </c>
      <c r="B145" s="45"/>
      <c r="C145" s="45"/>
      <c r="D145" s="46"/>
      <c r="E145" s="13"/>
      <c r="F145" s="13"/>
      <c r="G145" s="13"/>
    </row>
    <row r="146" spans="1:7" ht="71.400000000000006" customHeight="1" x14ac:dyDescent="0.25">
      <c r="A146" s="47" t="s">
        <v>149</v>
      </c>
      <c r="B146" s="48"/>
      <c r="C146" s="48"/>
      <c r="D146" s="49"/>
      <c r="E146" s="8" t="s">
        <v>180</v>
      </c>
      <c r="F146" s="22" t="s">
        <v>4</v>
      </c>
      <c r="G146" s="20" t="s">
        <v>150</v>
      </c>
    </row>
  </sheetData>
  <mergeCells count="159">
    <mergeCell ref="A138:D138"/>
    <mergeCell ref="A139:D139"/>
    <mergeCell ref="A140:D140"/>
    <mergeCell ref="A141:D141"/>
    <mergeCell ref="A142:D142"/>
    <mergeCell ref="A143:D143"/>
    <mergeCell ref="A144:D144"/>
    <mergeCell ref="A145:D145"/>
    <mergeCell ref="A146:D146"/>
    <mergeCell ref="A132:B132"/>
    <mergeCell ref="C132:D132"/>
    <mergeCell ref="A133:B136"/>
    <mergeCell ref="C133:D133"/>
    <mergeCell ref="C134:D134"/>
    <mergeCell ref="C135:D135"/>
    <mergeCell ref="C136:D136"/>
    <mergeCell ref="A137:D137"/>
    <mergeCell ref="A123:E123"/>
    <mergeCell ref="A124:B131"/>
    <mergeCell ref="C124:D124"/>
    <mergeCell ref="C125:D125"/>
    <mergeCell ref="C126:D126"/>
    <mergeCell ref="C127:D127"/>
    <mergeCell ref="C128:D128"/>
    <mergeCell ref="C129:D129"/>
    <mergeCell ref="C130:D130"/>
    <mergeCell ref="C131:D131"/>
    <mergeCell ref="B112:D112"/>
    <mergeCell ref="A113:A114"/>
    <mergeCell ref="B113:D113"/>
    <mergeCell ref="B114:D114"/>
    <mergeCell ref="A115:B115"/>
    <mergeCell ref="C115:D115"/>
    <mergeCell ref="A116:B122"/>
    <mergeCell ref="C116:D116"/>
    <mergeCell ref="C117:D117"/>
    <mergeCell ref="C118:D118"/>
    <mergeCell ref="C119:D119"/>
    <mergeCell ref="C120:D120"/>
    <mergeCell ref="C121:D121"/>
    <mergeCell ref="C122:D122"/>
    <mergeCell ref="A107:B107"/>
    <mergeCell ref="C107:D107"/>
    <mergeCell ref="A108:B109"/>
    <mergeCell ref="C108:D108"/>
    <mergeCell ref="C109:D109"/>
    <mergeCell ref="A110:B111"/>
    <mergeCell ref="C110:D110"/>
    <mergeCell ref="C111:D111"/>
    <mergeCell ref="A100:E100"/>
    <mergeCell ref="C97:D97"/>
    <mergeCell ref="C98:D98"/>
    <mergeCell ref="C99:D99"/>
    <mergeCell ref="C101:D101"/>
    <mergeCell ref="C102:D102"/>
    <mergeCell ref="C103:D103"/>
    <mergeCell ref="C104:D104"/>
    <mergeCell ref="C105:D105"/>
    <mergeCell ref="C106:D106"/>
    <mergeCell ref="A82:D82"/>
    <mergeCell ref="B83:D83"/>
    <mergeCell ref="B84:D84"/>
    <mergeCell ref="A85:B85"/>
    <mergeCell ref="C85:D85"/>
    <mergeCell ref="A86:B96"/>
    <mergeCell ref="C86:D86"/>
    <mergeCell ref="C87:D87"/>
    <mergeCell ref="C88:D88"/>
    <mergeCell ref="C89:D89"/>
    <mergeCell ref="C90:D90"/>
    <mergeCell ref="C91:D91"/>
    <mergeCell ref="C92:D92"/>
    <mergeCell ref="C93:D93"/>
    <mergeCell ref="C94:D94"/>
    <mergeCell ref="C95:D95"/>
    <mergeCell ref="C96:D96"/>
    <mergeCell ref="B75:D75"/>
    <mergeCell ref="B76:D76"/>
    <mergeCell ref="B78:D78"/>
    <mergeCell ref="B79:D79"/>
    <mergeCell ref="B80:D80"/>
    <mergeCell ref="B81:D81"/>
    <mergeCell ref="A77:E77"/>
    <mergeCell ref="A58:D58"/>
    <mergeCell ref="A59:D59"/>
    <mergeCell ref="A60:D60"/>
    <mergeCell ref="A61:D61"/>
    <mergeCell ref="A62:D62"/>
    <mergeCell ref="A63:D63"/>
    <mergeCell ref="A64:D64"/>
    <mergeCell ref="A65:D65"/>
    <mergeCell ref="A66:D66"/>
    <mergeCell ref="A67:D67"/>
    <mergeCell ref="A68:D68"/>
    <mergeCell ref="A69:D69"/>
    <mergeCell ref="A70:D70"/>
    <mergeCell ref="A71:D71"/>
    <mergeCell ref="A72:D72"/>
    <mergeCell ref="B73:D73"/>
    <mergeCell ref="B74:D74"/>
    <mergeCell ref="A50:D50"/>
    <mergeCell ref="A51:D51"/>
    <mergeCell ref="A52:D52"/>
    <mergeCell ref="A53:D53"/>
    <mergeCell ref="A55:E55"/>
    <mergeCell ref="A56:E56"/>
    <mergeCell ref="A57:D57"/>
    <mergeCell ref="A54:G54"/>
    <mergeCell ref="A42:D42"/>
    <mergeCell ref="A43:D43"/>
    <mergeCell ref="A45:E45"/>
    <mergeCell ref="A46:D46"/>
    <mergeCell ref="A47:D47"/>
    <mergeCell ref="G47:G49"/>
    <mergeCell ref="A48:D48"/>
    <mergeCell ref="A49:D49"/>
    <mergeCell ref="G35:G36"/>
    <mergeCell ref="A36:D36"/>
    <mergeCell ref="A37:D37"/>
    <mergeCell ref="A38:D38"/>
    <mergeCell ref="A44:E44"/>
    <mergeCell ref="A41:E41"/>
    <mergeCell ref="A39:D39"/>
    <mergeCell ref="A40:D40"/>
    <mergeCell ref="A27:D27"/>
    <mergeCell ref="A31:E31"/>
    <mergeCell ref="A28:D28"/>
    <mergeCell ref="A29:D29"/>
    <mergeCell ref="A30:D30"/>
    <mergeCell ref="A32:D32"/>
    <mergeCell ref="A33:D33"/>
    <mergeCell ref="A34:E34"/>
    <mergeCell ref="A35:D35"/>
    <mergeCell ref="A19:D19"/>
    <mergeCell ref="A20:D20"/>
    <mergeCell ref="A21:D21"/>
    <mergeCell ref="A22:D22"/>
    <mergeCell ref="A23:D23"/>
    <mergeCell ref="A24:D24"/>
    <mergeCell ref="A25:E25"/>
    <mergeCell ref="A26:D26"/>
    <mergeCell ref="A10:E10"/>
    <mergeCell ref="A11:D11"/>
    <mergeCell ref="A12:D12"/>
    <mergeCell ref="A13:D13"/>
    <mergeCell ref="A18:E18"/>
    <mergeCell ref="A14:D14"/>
    <mergeCell ref="A15:D15"/>
    <mergeCell ref="A16:D16"/>
    <mergeCell ref="A17:D17"/>
    <mergeCell ref="A4:E4"/>
    <mergeCell ref="A5:E5"/>
    <mergeCell ref="A6:D6"/>
    <mergeCell ref="A7:D7"/>
    <mergeCell ref="A8:D8"/>
    <mergeCell ref="A9:D9"/>
    <mergeCell ref="A1:G1"/>
    <mergeCell ref="D2:G2"/>
    <mergeCell ref="A3:G3"/>
  </mergeCells>
  <phoneticPr fontId="1"/>
  <hyperlinks>
    <hyperlink ref="G12" r:id="rId1" display="https://www.jmsf.or.jp/uploads/me" xr:uid="{00000000-0004-0000-0000-000000000000}"/>
    <hyperlink ref="G23" r:id="rId2" display="https://www.mhlw.go.jp/stf/kinnk" xr:uid="{00000000-0004-0000-0000-000001000000}"/>
    <hyperlink ref="G39" r:id="rId3" display="https://www.jmsf.or.jp/uploads/m" xr:uid="{00000000-0004-0000-0000-000002000000}"/>
  </hyperlinks>
  <printOptions horizontalCentered="1"/>
  <pageMargins left="0.70866141732283472" right="0.70866141732283472" top="0.74803149606299213" bottom="0.74803149606299213" header="0.31496062992125984" footer="0.31496062992125984"/>
  <pageSetup paperSize="9" scale="58" orientation="portrait" r:id="rId4"/>
  <headerFooter>
    <oddHeader>&amp;R&amp;"游明朝,標準"指針遵守の確認をするためのチェックリスト（医療機関 ver.）</oddHeader>
    <oddFooter>&amp;P ページ</oddFooter>
  </headerFooter>
  <rowBreaks count="7" manualBreakCount="7">
    <brk id="17" max="16383" man="1"/>
    <brk id="30" max="16383" man="1"/>
    <brk id="43" max="16383" man="1"/>
    <brk id="53" max="6" man="1"/>
    <brk id="76" max="6" man="1"/>
    <brk id="99" max="16383" man="1"/>
    <brk id="12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Table 1</vt:lpstr>
      <vt:lpstr>'Table 1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aomi Shiki (JP)</dc:creator>
  <cp:lastModifiedBy>鴻原 富美子</cp:lastModifiedBy>
  <cp:lastPrinted>2026-05-14T01:30:31Z</cp:lastPrinted>
  <dcterms:created xsi:type="dcterms:W3CDTF">2026-03-24T00:39:31Z</dcterms:created>
  <dcterms:modified xsi:type="dcterms:W3CDTF">2026-05-27T10:02:2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2024-03-26T00:00:00Z</vt:filetime>
  </property>
  <property fmtid="{D5CDD505-2E9C-101B-9397-08002B2CF9AE}" pid="3" name="Creator">
    <vt:lpwstr>Microsoft® Word for Microsoft 365</vt:lpwstr>
  </property>
  <property fmtid="{D5CDD505-2E9C-101B-9397-08002B2CF9AE}" pid="4" name="LastSaved">
    <vt:filetime>2026-03-24T00:00:00Z</vt:filetime>
  </property>
  <property fmtid="{D5CDD505-2E9C-101B-9397-08002B2CF9AE}" pid="5" name="Producer">
    <vt:lpwstr>Microsoft® Word for Microsoft 365</vt:lpwstr>
  </property>
</Properties>
</file>